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E06FC61" w14:textId="77777777" w:rsidR="00FE25C0" w:rsidRDefault="00FE25C0"/>
    <w:p w14:paraId="5BBC9F97" w14:textId="77777777" w:rsidR="000A385F" w:rsidRDefault="000A385F" w:rsidP="000A385F">
      <w:r>
        <w:t xml:space="preserve"># Load the required libraries </w:t>
      </w:r>
    </w:p>
    <w:p w14:paraId="6E433899" w14:textId="77777777" w:rsidR="000A385F" w:rsidRDefault="000A385F" w:rsidP="000A385F">
      <w:r>
        <w:t>library(</w:t>
      </w:r>
      <w:proofErr w:type="spellStart"/>
      <w:r>
        <w:t>readr</w:t>
      </w:r>
      <w:proofErr w:type="spellEnd"/>
      <w:r>
        <w:t>)</w:t>
      </w:r>
    </w:p>
    <w:p w14:paraId="23DF3022" w14:textId="77777777" w:rsidR="000A385F" w:rsidRDefault="000A385F" w:rsidP="000A385F">
      <w:r>
        <w:t>library(ggplot2)</w:t>
      </w:r>
    </w:p>
    <w:p w14:paraId="44464737" w14:textId="77777777" w:rsidR="000A385F" w:rsidRDefault="000A385F" w:rsidP="000A385F"/>
    <w:p w14:paraId="5726F207" w14:textId="77777777" w:rsidR="000A385F" w:rsidRDefault="000A385F" w:rsidP="000A385F">
      <w:r>
        <w:t># Load the dataset 'projectdata.csv' and call it p</w:t>
      </w:r>
    </w:p>
    <w:p w14:paraId="0C1FE9B6" w14:textId="77777777" w:rsidR="000A385F" w:rsidRDefault="000A385F" w:rsidP="000A385F">
      <w:r>
        <w:t>p = read.csv("C:\\Users\\i340968\\Desktop\\ed-code\\R_programming-elective\\projectdata.csv")</w:t>
      </w:r>
    </w:p>
    <w:p w14:paraId="3F55A590" w14:textId="77777777" w:rsidR="000A385F" w:rsidRDefault="000A385F" w:rsidP="000A385F"/>
    <w:p w14:paraId="53BD52DD" w14:textId="77777777" w:rsidR="000A385F" w:rsidRDefault="000A385F" w:rsidP="000A385F">
      <w:r>
        <w:t># Look at the structure of the dataset</w:t>
      </w:r>
    </w:p>
    <w:p w14:paraId="2120C20D" w14:textId="77777777" w:rsidR="000A385F" w:rsidRDefault="000A385F" w:rsidP="000A385F">
      <w:r>
        <w:t>str(p)</w:t>
      </w:r>
    </w:p>
    <w:p w14:paraId="00C1376E" w14:textId="77777777" w:rsidR="000A385F" w:rsidRDefault="000A385F" w:rsidP="000A385F"/>
    <w:p w14:paraId="0F782E1D" w14:textId="77777777" w:rsidR="000A385F" w:rsidRDefault="000A385F" w:rsidP="000A385F">
      <w:r>
        <w:t># Change the description variable from factor to character</w:t>
      </w:r>
    </w:p>
    <w:p w14:paraId="108DB607" w14:textId="77777777" w:rsidR="000A385F" w:rsidRDefault="000A385F" w:rsidP="000A385F">
      <w:proofErr w:type="spellStart"/>
      <w:r>
        <w:t>p$description</w:t>
      </w:r>
      <w:proofErr w:type="spellEnd"/>
      <w:r>
        <w:t xml:space="preserve"> = </w:t>
      </w:r>
      <w:proofErr w:type="spellStart"/>
      <w:proofErr w:type="gramStart"/>
      <w:r>
        <w:t>as.character</w:t>
      </w:r>
      <w:proofErr w:type="spellEnd"/>
      <w:proofErr w:type="gramEnd"/>
      <w:r>
        <w:t>(</w:t>
      </w:r>
      <w:proofErr w:type="spellStart"/>
      <w:r>
        <w:t>p$description</w:t>
      </w:r>
      <w:proofErr w:type="spellEnd"/>
      <w:r>
        <w:t>)</w:t>
      </w:r>
    </w:p>
    <w:p w14:paraId="278CDEF5" w14:textId="77777777" w:rsidR="000A385F" w:rsidRDefault="000A385F" w:rsidP="000A385F"/>
    <w:p w14:paraId="625225DF" w14:textId="77777777" w:rsidR="000A385F" w:rsidRDefault="000A385F" w:rsidP="000A385F">
      <w:r>
        <w:t># Re-look at the structure of the dataset</w:t>
      </w:r>
    </w:p>
    <w:p w14:paraId="0483BB70" w14:textId="77777777" w:rsidR="000A385F" w:rsidRDefault="000A385F" w:rsidP="000A385F">
      <w:r>
        <w:t>str(p)</w:t>
      </w:r>
    </w:p>
    <w:p w14:paraId="4CBA6432" w14:textId="77777777" w:rsidR="000A385F" w:rsidRDefault="000A385F" w:rsidP="000A385F"/>
    <w:p w14:paraId="25A2A7F5" w14:textId="77777777" w:rsidR="000A385F" w:rsidRDefault="000A385F" w:rsidP="000A385F">
      <w:r>
        <w:t># Explore the data - which variables have missing values and what is the count of these missing values</w:t>
      </w:r>
    </w:p>
    <w:p w14:paraId="6C123B04" w14:textId="77777777" w:rsidR="000A385F" w:rsidRDefault="000A385F" w:rsidP="000A385F">
      <w:r>
        <w:t>summary(p)</w:t>
      </w:r>
    </w:p>
    <w:p w14:paraId="126F0091" w14:textId="77777777" w:rsidR="000A385F" w:rsidRDefault="000A385F" w:rsidP="000A385F"/>
    <w:p w14:paraId="477574BF" w14:textId="77777777" w:rsidR="000A385F" w:rsidRDefault="000A385F" w:rsidP="000A385F">
      <w:r>
        <w:t>#check the number of unique values in each column</w:t>
      </w:r>
    </w:p>
    <w:p w14:paraId="000C9477" w14:textId="77777777" w:rsidR="000A385F" w:rsidRDefault="000A385F" w:rsidP="000A385F">
      <w:r>
        <w:t>apply(p,</w:t>
      </w:r>
      <w:proofErr w:type="gramStart"/>
      <w:r>
        <w:t>2,function</w:t>
      </w:r>
      <w:proofErr w:type="gramEnd"/>
      <w:r>
        <w:t>(x) length(unique(x)))</w:t>
      </w:r>
    </w:p>
    <w:p w14:paraId="7DA83ADF" w14:textId="77777777" w:rsidR="000A385F" w:rsidRDefault="000A385F" w:rsidP="000A385F"/>
    <w:p w14:paraId="39E76C35" w14:textId="77777777" w:rsidR="000A385F" w:rsidRDefault="000A385F" w:rsidP="000A385F">
      <w:r>
        <w:t># what is the median price</w:t>
      </w:r>
    </w:p>
    <w:p w14:paraId="7E2F03CB" w14:textId="77777777" w:rsidR="000A385F" w:rsidRDefault="000A385F" w:rsidP="000A385F">
      <w:r>
        <w:t>median(</w:t>
      </w:r>
      <w:proofErr w:type="spellStart"/>
      <w:r>
        <w:t>p$startprice</w:t>
      </w:r>
      <w:proofErr w:type="spellEnd"/>
      <w:r>
        <w:t>)</w:t>
      </w:r>
    </w:p>
    <w:p w14:paraId="6CB17B14" w14:textId="77777777" w:rsidR="000A385F" w:rsidRDefault="000A385F" w:rsidP="000A385F"/>
    <w:p w14:paraId="6FCBA3AD" w14:textId="77777777" w:rsidR="000A385F" w:rsidRDefault="000A385F" w:rsidP="000A385F">
      <w:r>
        <w:t xml:space="preserve">#add a variable </w:t>
      </w:r>
      <w:proofErr w:type="spellStart"/>
      <w:r>
        <w:t>priceclass</w:t>
      </w:r>
      <w:proofErr w:type="spellEnd"/>
      <w:r>
        <w:t>, which takes value 1 if the price is above median value, or 0 otherwise</w:t>
      </w:r>
    </w:p>
    <w:p w14:paraId="725315F6" w14:textId="77777777" w:rsidR="000A385F" w:rsidRDefault="000A385F" w:rsidP="000A385F">
      <w:proofErr w:type="spellStart"/>
      <w:r>
        <w:t>p$priceclass</w:t>
      </w:r>
      <w:proofErr w:type="spellEnd"/>
      <w:r>
        <w:t xml:space="preserve"> &lt;- </w:t>
      </w:r>
      <w:proofErr w:type="spellStart"/>
      <w:r>
        <w:t>ifelse</w:t>
      </w:r>
      <w:proofErr w:type="spellEnd"/>
      <w:r>
        <w:t>(</w:t>
      </w:r>
      <w:proofErr w:type="spellStart"/>
      <w:r>
        <w:t>p$startprice</w:t>
      </w:r>
      <w:proofErr w:type="spellEnd"/>
      <w:r>
        <w:t>&gt;=170.5, 1, 0)</w:t>
      </w:r>
    </w:p>
    <w:p w14:paraId="787E70C8" w14:textId="77777777" w:rsidR="000A385F" w:rsidRDefault="000A385F" w:rsidP="000A385F"/>
    <w:p w14:paraId="25B99095" w14:textId="77777777" w:rsidR="000A385F" w:rsidRDefault="000A385F" w:rsidP="000A385F">
      <w:r>
        <w:lastRenderedPageBreak/>
        <w:t># Re-look at the structure of the dataset</w:t>
      </w:r>
    </w:p>
    <w:p w14:paraId="5AEC7B92" w14:textId="77777777" w:rsidR="000A385F" w:rsidRDefault="000A385F" w:rsidP="000A385F">
      <w:r>
        <w:t>str(p)</w:t>
      </w:r>
    </w:p>
    <w:p w14:paraId="3D4D68E8" w14:textId="77777777" w:rsidR="000A385F" w:rsidRDefault="000A385F" w:rsidP="000A385F"/>
    <w:p w14:paraId="5DBE5017" w14:textId="77777777" w:rsidR="000A385F" w:rsidRDefault="000A385F" w:rsidP="000A385F">
      <w:r>
        <w:t>#convert categorical variables to factor</w:t>
      </w:r>
    </w:p>
    <w:p w14:paraId="69136AF4" w14:textId="77777777" w:rsidR="000A385F" w:rsidRDefault="000A385F" w:rsidP="000A385F">
      <w:r>
        <w:t xml:space="preserve">cols = </w:t>
      </w:r>
      <w:proofErr w:type="gramStart"/>
      <w:r>
        <w:t>c(</w:t>
      </w:r>
      <w:proofErr w:type="gramEnd"/>
      <w:r>
        <w:t>"biddable", "sold", "</w:t>
      </w:r>
      <w:proofErr w:type="spellStart"/>
      <w:r>
        <w:t>priceclass</w:t>
      </w:r>
      <w:proofErr w:type="spellEnd"/>
      <w:r>
        <w:t>")</w:t>
      </w:r>
    </w:p>
    <w:p w14:paraId="28FB025C" w14:textId="77777777" w:rsidR="000A385F" w:rsidRDefault="000A385F" w:rsidP="000A385F">
      <w:proofErr w:type="gramStart"/>
      <w:r>
        <w:t>for(</w:t>
      </w:r>
      <w:proofErr w:type="spellStart"/>
      <w:proofErr w:type="gramEnd"/>
      <w:r>
        <w:t>i</w:t>
      </w:r>
      <w:proofErr w:type="spellEnd"/>
      <w:r>
        <w:t xml:space="preserve"> in cols){</w:t>
      </w:r>
    </w:p>
    <w:p w14:paraId="40965698" w14:textId="77777777" w:rsidR="000A385F" w:rsidRDefault="000A385F" w:rsidP="000A385F">
      <w:r>
        <w:t xml:space="preserve">  p</w:t>
      </w:r>
      <w:proofErr w:type="gramStart"/>
      <w:r>
        <w:t>[,</w:t>
      </w:r>
      <w:proofErr w:type="spellStart"/>
      <w:r>
        <w:t>i</w:t>
      </w:r>
      <w:proofErr w:type="spellEnd"/>
      <w:proofErr w:type="gramEnd"/>
      <w:r>
        <w:t>]=</w:t>
      </w:r>
      <w:proofErr w:type="spellStart"/>
      <w:r>
        <w:t>as.factor</w:t>
      </w:r>
      <w:proofErr w:type="spellEnd"/>
      <w:r>
        <w:t>(p[,</w:t>
      </w:r>
      <w:proofErr w:type="spellStart"/>
      <w:r>
        <w:t>i</w:t>
      </w:r>
      <w:proofErr w:type="spellEnd"/>
      <w:r>
        <w:t>])</w:t>
      </w:r>
    </w:p>
    <w:p w14:paraId="6284D085" w14:textId="77777777" w:rsidR="000A385F" w:rsidRDefault="000A385F" w:rsidP="000A385F">
      <w:r>
        <w:t>}</w:t>
      </w:r>
    </w:p>
    <w:p w14:paraId="1C406D36" w14:textId="77777777" w:rsidR="000A385F" w:rsidRDefault="000A385F" w:rsidP="000A385F"/>
    <w:p w14:paraId="6EAA83DC" w14:textId="77777777" w:rsidR="000A385F" w:rsidRDefault="000A385F" w:rsidP="000A385F">
      <w:r>
        <w:t># Re-Check structure</w:t>
      </w:r>
    </w:p>
    <w:p w14:paraId="1E91878F" w14:textId="77777777" w:rsidR="000A385F" w:rsidRDefault="000A385F" w:rsidP="000A385F">
      <w:r>
        <w:t>str(p)</w:t>
      </w:r>
    </w:p>
    <w:p w14:paraId="500A3D82" w14:textId="77777777" w:rsidR="000A385F" w:rsidRDefault="000A385F" w:rsidP="000A385F"/>
    <w:p w14:paraId="33E685C9" w14:textId="77777777" w:rsidR="000A385F" w:rsidRDefault="000A385F" w:rsidP="000A385F">
      <w:r>
        <w:t># Find Maximum value of all numerical variables</w:t>
      </w:r>
    </w:p>
    <w:p w14:paraId="2DA73687" w14:textId="77777777" w:rsidR="000A385F" w:rsidRDefault="000A385F" w:rsidP="000A385F">
      <w:r>
        <w:t>apply(p</w:t>
      </w:r>
      <w:proofErr w:type="gramStart"/>
      <w:r>
        <w:t>[,c</w:t>
      </w:r>
      <w:proofErr w:type="gramEnd"/>
      <w:r>
        <w:t>(3,8)], 2, max, na.rm= TRUE)</w:t>
      </w:r>
    </w:p>
    <w:p w14:paraId="02E3AFF7" w14:textId="77777777" w:rsidR="000A385F" w:rsidRDefault="000A385F" w:rsidP="000A385F"/>
    <w:p w14:paraId="73E23ED0" w14:textId="77777777" w:rsidR="000A385F" w:rsidRDefault="000A385F" w:rsidP="000A385F">
      <w:r>
        <w:t># Find Maximum value of all categorical variables</w:t>
      </w:r>
    </w:p>
    <w:p w14:paraId="4990B896" w14:textId="77777777" w:rsidR="000A385F" w:rsidRDefault="000A385F" w:rsidP="000A385F">
      <w:proofErr w:type="gramStart"/>
      <w:r>
        <w:t>apply(</w:t>
      </w:r>
      <w:proofErr w:type="gramEnd"/>
      <w:r>
        <w:t>p[,c(4:7, 9,10,12)], 2, max, na.rm= TRUE)</w:t>
      </w:r>
    </w:p>
    <w:p w14:paraId="5006292F" w14:textId="77777777" w:rsidR="000A385F" w:rsidRDefault="000A385F" w:rsidP="000A385F"/>
    <w:p w14:paraId="1766CFFC" w14:textId="77777777" w:rsidR="000A385F" w:rsidRDefault="000A385F" w:rsidP="000A385F">
      <w:r>
        <w:t xml:space="preserve"># use </w:t>
      </w:r>
      <w:proofErr w:type="spellStart"/>
      <w:r>
        <w:t>lapply</w:t>
      </w:r>
      <w:proofErr w:type="spellEnd"/>
      <w:r>
        <w:t xml:space="preserve"> function to Calculate Median of each of the numerical variables</w:t>
      </w:r>
    </w:p>
    <w:p w14:paraId="5E45BD34" w14:textId="77777777" w:rsidR="000A385F" w:rsidRDefault="000A385F" w:rsidP="000A385F">
      <w:proofErr w:type="spellStart"/>
      <w:r>
        <w:t>lapply</w:t>
      </w:r>
      <w:proofErr w:type="spellEnd"/>
      <w:r>
        <w:t>(p</w:t>
      </w:r>
      <w:proofErr w:type="gramStart"/>
      <w:r>
        <w:t>[,c</w:t>
      </w:r>
      <w:proofErr w:type="gramEnd"/>
      <w:r>
        <w:t>(3,8)], function(x) median(x, na.rm = TRUE))</w:t>
      </w:r>
    </w:p>
    <w:p w14:paraId="347858BF" w14:textId="77777777" w:rsidR="000A385F" w:rsidRDefault="000A385F" w:rsidP="000A385F"/>
    <w:p w14:paraId="07F15D99" w14:textId="77777777" w:rsidR="000A385F" w:rsidRDefault="000A385F" w:rsidP="000A385F">
      <w:r>
        <w:t xml:space="preserve"># use </w:t>
      </w:r>
      <w:proofErr w:type="spellStart"/>
      <w:r>
        <w:t>lapply</w:t>
      </w:r>
      <w:proofErr w:type="spellEnd"/>
      <w:r>
        <w:t xml:space="preserve"> function to Calculate standard deviation of each of the numerical variables</w:t>
      </w:r>
    </w:p>
    <w:p w14:paraId="51A071A0" w14:textId="77777777" w:rsidR="000A385F" w:rsidRDefault="000A385F" w:rsidP="000A385F">
      <w:proofErr w:type="spellStart"/>
      <w:r>
        <w:t>lapply</w:t>
      </w:r>
      <w:proofErr w:type="spellEnd"/>
      <w:r>
        <w:t>(p</w:t>
      </w:r>
      <w:proofErr w:type="gramStart"/>
      <w:r>
        <w:t>[,c</w:t>
      </w:r>
      <w:proofErr w:type="gramEnd"/>
      <w:r>
        <w:t xml:space="preserve">(3,8)], function(x) </w:t>
      </w:r>
      <w:proofErr w:type="spellStart"/>
      <w:r>
        <w:t>sd</w:t>
      </w:r>
      <w:proofErr w:type="spellEnd"/>
      <w:r>
        <w:t>(x, na.rm = TRUE))</w:t>
      </w:r>
    </w:p>
    <w:p w14:paraId="1333E610" w14:textId="77777777" w:rsidR="000A385F" w:rsidRDefault="000A385F" w:rsidP="000A385F"/>
    <w:p w14:paraId="490DAC9C" w14:textId="77777777" w:rsidR="000A385F" w:rsidRDefault="000A385F" w:rsidP="000A385F">
      <w:r>
        <w:t xml:space="preserve"># use the </w:t>
      </w:r>
      <w:proofErr w:type="spellStart"/>
      <w:r>
        <w:t>tapply</w:t>
      </w:r>
      <w:proofErr w:type="spellEnd"/>
      <w:r>
        <w:t xml:space="preserve"> function to calculate the median price according to sold</w:t>
      </w:r>
    </w:p>
    <w:p w14:paraId="2CA3AA60" w14:textId="77777777" w:rsidR="000A385F" w:rsidRDefault="000A385F" w:rsidP="000A385F">
      <w:proofErr w:type="spellStart"/>
      <w:r>
        <w:t>tapply</w:t>
      </w:r>
      <w:proofErr w:type="spellEnd"/>
      <w:r>
        <w:t>(</w:t>
      </w:r>
      <w:proofErr w:type="spellStart"/>
      <w:r>
        <w:t>p$</w:t>
      </w:r>
      <w:proofErr w:type="gramStart"/>
      <w:r>
        <w:t>startprice,p</w:t>
      </w:r>
      <w:proofErr w:type="gramEnd"/>
      <w:r>
        <w:t>$sold,median</w:t>
      </w:r>
      <w:proofErr w:type="spellEnd"/>
      <w:r>
        <w:t>)</w:t>
      </w:r>
    </w:p>
    <w:p w14:paraId="1DCBE637" w14:textId="77777777" w:rsidR="000A385F" w:rsidRDefault="000A385F" w:rsidP="000A385F"/>
    <w:p w14:paraId="324B8E71" w14:textId="77777777" w:rsidR="000A385F" w:rsidRDefault="000A385F" w:rsidP="000A385F">
      <w:r>
        <w:t xml:space="preserve"># use the </w:t>
      </w:r>
      <w:proofErr w:type="spellStart"/>
      <w:r>
        <w:t>tapply</w:t>
      </w:r>
      <w:proofErr w:type="spellEnd"/>
      <w:r>
        <w:t xml:space="preserve"> function to calculate the median price according to biddable</w:t>
      </w:r>
    </w:p>
    <w:p w14:paraId="17A46350" w14:textId="77777777" w:rsidR="000A385F" w:rsidRDefault="000A385F" w:rsidP="000A385F">
      <w:proofErr w:type="spellStart"/>
      <w:r>
        <w:t>tapply</w:t>
      </w:r>
      <w:proofErr w:type="spellEnd"/>
      <w:r>
        <w:t>(</w:t>
      </w:r>
      <w:proofErr w:type="spellStart"/>
      <w:r>
        <w:t>p$</w:t>
      </w:r>
      <w:proofErr w:type="gramStart"/>
      <w:r>
        <w:t>startprice,p</w:t>
      </w:r>
      <w:proofErr w:type="gramEnd"/>
      <w:r>
        <w:t>$biddable,median</w:t>
      </w:r>
      <w:proofErr w:type="spellEnd"/>
      <w:r>
        <w:t>)</w:t>
      </w:r>
    </w:p>
    <w:p w14:paraId="1882BADF" w14:textId="77777777" w:rsidR="000A385F" w:rsidRDefault="000A385F" w:rsidP="000A385F"/>
    <w:p w14:paraId="6A47C970" w14:textId="77777777" w:rsidR="000A385F" w:rsidRDefault="000A385F" w:rsidP="000A385F">
      <w:r>
        <w:t xml:space="preserve"># Load the </w:t>
      </w:r>
      <w:proofErr w:type="spellStart"/>
      <w:r>
        <w:t>dplyr</w:t>
      </w:r>
      <w:proofErr w:type="spellEnd"/>
      <w:r>
        <w:t xml:space="preserve"> package </w:t>
      </w:r>
    </w:p>
    <w:p w14:paraId="5F07B204" w14:textId="77777777" w:rsidR="000A385F" w:rsidRDefault="000A385F" w:rsidP="000A385F">
      <w:r>
        <w:t>library(</w:t>
      </w:r>
      <w:proofErr w:type="spellStart"/>
      <w:r>
        <w:t>dplyr</w:t>
      </w:r>
      <w:proofErr w:type="spellEnd"/>
      <w:r>
        <w:t>)</w:t>
      </w:r>
    </w:p>
    <w:p w14:paraId="4545259C" w14:textId="77777777" w:rsidR="000A385F" w:rsidRDefault="000A385F" w:rsidP="000A385F"/>
    <w:p w14:paraId="08C0A991" w14:textId="77777777" w:rsidR="000A385F" w:rsidRDefault="000A385F" w:rsidP="000A385F">
      <w:r>
        <w:t xml:space="preserve"># Print out a df with the columns </w:t>
      </w:r>
      <w:proofErr w:type="spellStart"/>
      <w:r>
        <w:t>startprice</w:t>
      </w:r>
      <w:proofErr w:type="spellEnd"/>
      <w:r>
        <w:t>, condition, and sold.</w:t>
      </w:r>
    </w:p>
    <w:p w14:paraId="6235D59F" w14:textId="77777777" w:rsidR="000A385F" w:rsidRDefault="000A385F" w:rsidP="000A385F">
      <w:proofErr w:type="gramStart"/>
      <w:r>
        <w:t>select(</w:t>
      </w:r>
      <w:proofErr w:type="gramEnd"/>
      <w:r>
        <w:t xml:space="preserve">p, </w:t>
      </w:r>
      <w:proofErr w:type="spellStart"/>
      <w:r>
        <w:t>startprice</w:t>
      </w:r>
      <w:proofErr w:type="spellEnd"/>
      <w:r>
        <w:t>, condition, sold)</w:t>
      </w:r>
    </w:p>
    <w:p w14:paraId="46512C92" w14:textId="77777777" w:rsidR="000A385F" w:rsidRDefault="000A385F" w:rsidP="000A385F"/>
    <w:p w14:paraId="3327C7E3" w14:textId="77777777" w:rsidR="000A385F" w:rsidRDefault="000A385F" w:rsidP="000A385F">
      <w:r>
        <w:t># Print out the columns biddable to sold</w:t>
      </w:r>
    </w:p>
    <w:p w14:paraId="182C2A0E" w14:textId="77777777" w:rsidR="000A385F" w:rsidRDefault="000A385F" w:rsidP="000A385F">
      <w:proofErr w:type="gramStart"/>
      <w:r>
        <w:t>select(</w:t>
      </w:r>
      <w:proofErr w:type="gramEnd"/>
      <w:r>
        <w:t xml:space="preserve">p, </w:t>
      </w:r>
      <w:proofErr w:type="spellStart"/>
      <w:r>
        <w:t>biddable:sold</w:t>
      </w:r>
      <w:proofErr w:type="spellEnd"/>
      <w:r>
        <w:t>)</w:t>
      </w:r>
    </w:p>
    <w:p w14:paraId="715625B6" w14:textId="77777777" w:rsidR="000A385F" w:rsidRDefault="000A385F" w:rsidP="000A385F"/>
    <w:p w14:paraId="10F1B407" w14:textId="77777777" w:rsidR="000A385F" w:rsidRDefault="000A385F" w:rsidP="000A385F">
      <w:r>
        <w:t>#mutate</w:t>
      </w:r>
    </w:p>
    <w:p w14:paraId="23941C3A" w14:textId="77777777" w:rsidR="000A385F" w:rsidRDefault="000A385F" w:rsidP="000A385F">
      <w:r>
        <w:t xml:space="preserve"># Add the new variable var1 which calculates the ratio of storage to </w:t>
      </w:r>
      <w:proofErr w:type="spellStart"/>
      <w:r>
        <w:t>startprice</w:t>
      </w:r>
      <w:proofErr w:type="spellEnd"/>
      <w:r>
        <w:t xml:space="preserve"> and save the result in p.</w:t>
      </w:r>
    </w:p>
    <w:p w14:paraId="040BB2F1" w14:textId="77777777" w:rsidR="000A385F" w:rsidRDefault="000A385F" w:rsidP="000A385F">
      <w:r>
        <w:t xml:space="preserve">p &lt;- </w:t>
      </w:r>
      <w:proofErr w:type="gramStart"/>
      <w:r>
        <w:t>mutate(</w:t>
      </w:r>
      <w:proofErr w:type="gramEnd"/>
      <w:r>
        <w:t xml:space="preserve">p, var1 = </w:t>
      </w:r>
      <w:proofErr w:type="spellStart"/>
      <w:r>
        <w:t>startprice</w:t>
      </w:r>
      <w:proofErr w:type="spellEnd"/>
      <w:r>
        <w:t>/storage)</w:t>
      </w:r>
    </w:p>
    <w:p w14:paraId="4FDC812C" w14:textId="77777777" w:rsidR="000A385F" w:rsidRDefault="000A385F" w:rsidP="000A385F"/>
    <w:p w14:paraId="5954429C" w14:textId="77777777" w:rsidR="000A385F" w:rsidRDefault="000A385F" w:rsidP="000A385F">
      <w:r>
        <w:t># Arrange p by price</w:t>
      </w:r>
    </w:p>
    <w:p w14:paraId="108C3B68" w14:textId="77777777" w:rsidR="000A385F" w:rsidRDefault="000A385F" w:rsidP="000A385F">
      <w:proofErr w:type="gramStart"/>
      <w:r>
        <w:t>arrange(</w:t>
      </w:r>
      <w:proofErr w:type="gramEnd"/>
      <w:r>
        <w:t xml:space="preserve">p, </w:t>
      </w:r>
      <w:proofErr w:type="spellStart"/>
      <w:r>
        <w:t>startprice</w:t>
      </w:r>
      <w:proofErr w:type="spellEnd"/>
      <w:r>
        <w:t>)</w:t>
      </w:r>
    </w:p>
    <w:p w14:paraId="6ECFCB5C" w14:textId="77777777" w:rsidR="000A385F" w:rsidRDefault="000A385F" w:rsidP="000A385F"/>
    <w:p w14:paraId="34B98CAC" w14:textId="77777777" w:rsidR="000A385F" w:rsidRDefault="000A385F" w:rsidP="000A385F">
      <w:r>
        <w:t># Arrange p so that condition is grouped</w:t>
      </w:r>
    </w:p>
    <w:p w14:paraId="4D566CE3" w14:textId="77777777" w:rsidR="000A385F" w:rsidRDefault="000A385F" w:rsidP="000A385F">
      <w:proofErr w:type="gramStart"/>
      <w:r>
        <w:t>arrange(</w:t>
      </w:r>
      <w:proofErr w:type="gramEnd"/>
      <w:r>
        <w:t>p, condition)</w:t>
      </w:r>
    </w:p>
    <w:p w14:paraId="079C2878" w14:textId="77777777" w:rsidR="000A385F" w:rsidRDefault="000A385F" w:rsidP="000A385F"/>
    <w:p w14:paraId="0CC93B92" w14:textId="77777777" w:rsidR="000A385F" w:rsidRDefault="000A385F" w:rsidP="000A385F">
      <w:r>
        <w:t xml:space="preserve"># Arrange p so that biddable and sold is </w:t>
      </w:r>
      <w:proofErr w:type="spellStart"/>
      <w:r>
        <w:t>is</w:t>
      </w:r>
      <w:proofErr w:type="spellEnd"/>
      <w:r>
        <w:t xml:space="preserve"> grouped</w:t>
      </w:r>
    </w:p>
    <w:p w14:paraId="1EFEF774" w14:textId="77777777" w:rsidR="000A385F" w:rsidRDefault="000A385F" w:rsidP="000A385F">
      <w:proofErr w:type="gramStart"/>
      <w:r>
        <w:t>arrange(</w:t>
      </w:r>
      <w:proofErr w:type="gramEnd"/>
      <w:r>
        <w:t xml:space="preserve">p, </w:t>
      </w:r>
      <w:proofErr w:type="spellStart"/>
      <w:r>
        <w:t>biddable,sold</w:t>
      </w:r>
      <w:proofErr w:type="spellEnd"/>
      <w:r>
        <w:t>)</w:t>
      </w:r>
    </w:p>
    <w:p w14:paraId="3667E573" w14:textId="77777777" w:rsidR="000A385F" w:rsidRDefault="000A385F" w:rsidP="000A385F"/>
    <w:p w14:paraId="4ADA2B1E" w14:textId="77777777" w:rsidR="000A385F" w:rsidRDefault="000A385F" w:rsidP="000A385F">
      <w:r>
        <w:t xml:space="preserve"># Definition of </w:t>
      </w:r>
      <w:proofErr w:type="spellStart"/>
      <w:r>
        <w:t>notbought</w:t>
      </w:r>
      <w:proofErr w:type="spellEnd"/>
      <w:r>
        <w:t xml:space="preserve"> - create a df of observations when </w:t>
      </w:r>
      <w:proofErr w:type="spellStart"/>
      <w:r>
        <w:t>ipad</w:t>
      </w:r>
      <w:proofErr w:type="spellEnd"/>
      <w:r>
        <w:t xml:space="preserve"> was </w:t>
      </w:r>
      <w:proofErr w:type="spellStart"/>
      <w:r>
        <w:t>notpurchased</w:t>
      </w:r>
      <w:proofErr w:type="spellEnd"/>
    </w:p>
    <w:p w14:paraId="2EB4FC89" w14:textId="77777777" w:rsidR="000A385F" w:rsidRDefault="000A385F" w:rsidP="000A385F">
      <w:proofErr w:type="spellStart"/>
      <w:r>
        <w:t>notbought</w:t>
      </w:r>
      <w:proofErr w:type="spellEnd"/>
      <w:r>
        <w:t xml:space="preserve"> &lt;- </w:t>
      </w:r>
      <w:proofErr w:type="gramStart"/>
      <w:r>
        <w:t>filter(</w:t>
      </w:r>
      <w:proofErr w:type="gramEnd"/>
      <w:r>
        <w:t>p, sold == "1")</w:t>
      </w:r>
    </w:p>
    <w:p w14:paraId="7048D70D" w14:textId="77777777" w:rsidR="000A385F" w:rsidRDefault="000A385F" w:rsidP="000A385F"/>
    <w:p w14:paraId="356F1246" w14:textId="77777777" w:rsidR="000A385F" w:rsidRDefault="000A385F" w:rsidP="000A385F">
      <w:r>
        <w:t xml:space="preserve"># Arrange </w:t>
      </w:r>
      <w:proofErr w:type="spellStart"/>
      <w:r>
        <w:t>notbought</w:t>
      </w:r>
      <w:proofErr w:type="spellEnd"/>
      <w:r>
        <w:t xml:space="preserve"> so that condition and sold is </w:t>
      </w:r>
      <w:proofErr w:type="spellStart"/>
      <w:r>
        <w:t>is</w:t>
      </w:r>
      <w:proofErr w:type="spellEnd"/>
      <w:r>
        <w:t xml:space="preserve"> grouped</w:t>
      </w:r>
    </w:p>
    <w:p w14:paraId="011CC759" w14:textId="77777777" w:rsidR="000A385F" w:rsidRDefault="000A385F" w:rsidP="000A385F">
      <w:proofErr w:type="gramStart"/>
      <w:r>
        <w:t>arrange(</w:t>
      </w:r>
      <w:proofErr w:type="spellStart"/>
      <w:proofErr w:type="gramEnd"/>
      <w:r>
        <w:t>notbought</w:t>
      </w:r>
      <w:proofErr w:type="spellEnd"/>
      <w:r>
        <w:t>, condition, sold)</w:t>
      </w:r>
    </w:p>
    <w:p w14:paraId="4818527C" w14:textId="77777777" w:rsidR="000A385F" w:rsidRDefault="000A385F" w:rsidP="000A385F"/>
    <w:p w14:paraId="68213EE1" w14:textId="77777777" w:rsidR="000A385F" w:rsidRDefault="000A385F" w:rsidP="000A385F">
      <w:r>
        <w:lastRenderedPageBreak/>
        <w:t xml:space="preserve"># Generate summary about </w:t>
      </w:r>
      <w:proofErr w:type="spellStart"/>
      <w:r>
        <w:t>startprice</w:t>
      </w:r>
      <w:proofErr w:type="spellEnd"/>
      <w:r>
        <w:t xml:space="preserve"> column of p</w:t>
      </w:r>
    </w:p>
    <w:p w14:paraId="5E762F41" w14:textId="77777777" w:rsidR="000A385F" w:rsidRDefault="000A385F" w:rsidP="000A385F">
      <w:proofErr w:type="spellStart"/>
      <w:proofErr w:type="gramStart"/>
      <w:r>
        <w:t>summarise</w:t>
      </w:r>
      <w:proofErr w:type="spellEnd"/>
      <w:r>
        <w:t>(</w:t>
      </w:r>
      <w:proofErr w:type="gramEnd"/>
      <w:r>
        <w:t xml:space="preserve">p, </w:t>
      </w:r>
    </w:p>
    <w:p w14:paraId="76FFB191" w14:textId="77777777" w:rsidR="000A385F" w:rsidRDefault="000A385F" w:rsidP="000A385F">
      <w:r>
        <w:t xml:space="preserve">          minimum = min(</w:t>
      </w:r>
      <w:proofErr w:type="spellStart"/>
      <w:r>
        <w:t>startprice</w:t>
      </w:r>
      <w:proofErr w:type="spellEnd"/>
      <w:r>
        <w:t xml:space="preserve">), </w:t>
      </w:r>
    </w:p>
    <w:p w14:paraId="4A4C0987" w14:textId="77777777" w:rsidR="000A385F" w:rsidRDefault="000A385F" w:rsidP="000A385F">
      <w:r>
        <w:t xml:space="preserve">          average = mean(</w:t>
      </w:r>
      <w:proofErr w:type="spellStart"/>
      <w:r>
        <w:t>startprice</w:t>
      </w:r>
      <w:proofErr w:type="spellEnd"/>
      <w:r>
        <w:t xml:space="preserve">), </w:t>
      </w:r>
    </w:p>
    <w:p w14:paraId="621651A3" w14:textId="77777777" w:rsidR="000A385F" w:rsidRDefault="000A385F" w:rsidP="000A385F">
      <w:r>
        <w:t xml:space="preserve">          max = max(</w:t>
      </w:r>
      <w:proofErr w:type="spellStart"/>
      <w:r>
        <w:t>startprice</w:t>
      </w:r>
      <w:proofErr w:type="spellEnd"/>
      <w:r>
        <w:t xml:space="preserve">), </w:t>
      </w:r>
    </w:p>
    <w:p w14:paraId="0D46D301" w14:textId="77777777" w:rsidR="000A385F" w:rsidRDefault="000A385F" w:rsidP="000A385F">
      <w:r>
        <w:t xml:space="preserve">          </w:t>
      </w:r>
      <w:proofErr w:type="spellStart"/>
      <w:r>
        <w:t>sd</w:t>
      </w:r>
      <w:proofErr w:type="spellEnd"/>
      <w:r>
        <w:t xml:space="preserve"> = </w:t>
      </w:r>
      <w:proofErr w:type="spellStart"/>
      <w:r>
        <w:t>sd</w:t>
      </w:r>
      <w:proofErr w:type="spellEnd"/>
      <w:r>
        <w:t>(</w:t>
      </w:r>
      <w:proofErr w:type="spellStart"/>
      <w:r>
        <w:t>startprice</w:t>
      </w:r>
      <w:proofErr w:type="spellEnd"/>
      <w:r>
        <w:t>),</w:t>
      </w:r>
    </w:p>
    <w:p w14:paraId="71197958" w14:textId="77777777" w:rsidR="000A385F" w:rsidRDefault="000A385F" w:rsidP="000A385F">
      <w:r>
        <w:t xml:space="preserve">          inter = </w:t>
      </w:r>
      <w:proofErr w:type="gramStart"/>
      <w:r>
        <w:t>IQR(</w:t>
      </w:r>
      <w:proofErr w:type="spellStart"/>
      <w:proofErr w:type="gramEnd"/>
      <w:r>
        <w:t>startprice</w:t>
      </w:r>
      <w:proofErr w:type="spellEnd"/>
      <w:r>
        <w:t>))</w:t>
      </w:r>
    </w:p>
    <w:p w14:paraId="795116B5" w14:textId="77777777" w:rsidR="000A385F" w:rsidRDefault="000A385F" w:rsidP="000A385F"/>
    <w:p w14:paraId="36E113C4" w14:textId="77777777" w:rsidR="000A385F" w:rsidRDefault="000A385F" w:rsidP="000A385F">
      <w:r>
        <w:t># Generate summary about storage column of housing</w:t>
      </w:r>
    </w:p>
    <w:p w14:paraId="73C02356" w14:textId="77777777" w:rsidR="000A385F" w:rsidRDefault="000A385F" w:rsidP="000A385F">
      <w:proofErr w:type="spellStart"/>
      <w:proofErr w:type="gramStart"/>
      <w:r>
        <w:t>summarise</w:t>
      </w:r>
      <w:proofErr w:type="spellEnd"/>
      <w:r>
        <w:t>(</w:t>
      </w:r>
      <w:proofErr w:type="gramEnd"/>
      <w:r>
        <w:t xml:space="preserve">p, </w:t>
      </w:r>
    </w:p>
    <w:p w14:paraId="2D1891FB" w14:textId="77777777" w:rsidR="000A385F" w:rsidRDefault="000A385F" w:rsidP="000A385F">
      <w:r>
        <w:t xml:space="preserve">          minimum = min(storage), </w:t>
      </w:r>
    </w:p>
    <w:p w14:paraId="22A507DA" w14:textId="77777777" w:rsidR="000A385F" w:rsidRDefault="000A385F" w:rsidP="000A385F">
      <w:r>
        <w:t xml:space="preserve">          average = mean(storage), </w:t>
      </w:r>
    </w:p>
    <w:p w14:paraId="302AFC7B" w14:textId="77777777" w:rsidR="000A385F" w:rsidRDefault="000A385F" w:rsidP="000A385F">
      <w:r>
        <w:t xml:space="preserve">          max = max(storage), </w:t>
      </w:r>
    </w:p>
    <w:p w14:paraId="7C24BCB1" w14:textId="77777777" w:rsidR="000A385F" w:rsidRDefault="000A385F" w:rsidP="000A385F">
      <w:r>
        <w:t xml:space="preserve">          </w:t>
      </w:r>
      <w:proofErr w:type="spellStart"/>
      <w:r>
        <w:t>sd</w:t>
      </w:r>
      <w:proofErr w:type="spellEnd"/>
      <w:r>
        <w:t xml:space="preserve"> = </w:t>
      </w:r>
      <w:proofErr w:type="spellStart"/>
      <w:r>
        <w:t>sd</w:t>
      </w:r>
      <w:proofErr w:type="spellEnd"/>
      <w:r>
        <w:t>(storage),</w:t>
      </w:r>
    </w:p>
    <w:p w14:paraId="2867D37B" w14:textId="77777777" w:rsidR="000A385F" w:rsidRDefault="000A385F" w:rsidP="000A385F">
      <w:r>
        <w:t xml:space="preserve">          inter = </w:t>
      </w:r>
      <w:proofErr w:type="gramStart"/>
      <w:r>
        <w:t>IQR(</w:t>
      </w:r>
      <w:proofErr w:type="gramEnd"/>
      <w:r>
        <w:t>storage))</w:t>
      </w:r>
    </w:p>
    <w:p w14:paraId="3228CEDB" w14:textId="77777777" w:rsidR="000A385F" w:rsidRDefault="000A385F" w:rsidP="000A385F"/>
    <w:p w14:paraId="629471BC" w14:textId="77777777" w:rsidR="000A385F" w:rsidRDefault="000A385F" w:rsidP="000A385F">
      <w:r>
        <w:t>#### Visualization ###</w:t>
      </w:r>
    </w:p>
    <w:p w14:paraId="73DC32C1" w14:textId="77777777" w:rsidR="000A385F" w:rsidRDefault="000A385F" w:rsidP="000A385F">
      <w:r>
        <w:t xml:space="preserve"># Load the necessary package </w:t>
      </w:r>
    </w:p>
    <w:p w14:paraId="619400CF" w14:textId="77777777" w:rsidR="000A385F" w:rsidRDefault="000A385F" w:rsidP="000A385F">
      <w:r>
        <w:t xml:space="preserve">library(ggplot2)   </w:t>
      </w:r>
    </w:p>
    <w:p w14:paraId="05EFF838" w14:textId="77777777" w:rsidR="000A385F" w:rsidRDefault="000A385F" w:rsidP="000A385F"/>
    <w:p w14:paraId="621228D9" w14:textId="77777777" w:rsidR="000A385F" w:rsidRDefault="000A385F" w:rsidP="000A385F">
      <w:r>
        <w:t xml:space="preserve"># Create a scatter plot between </w:t>
      </w:r>
      <w:proofErr w:type="spellStart"/>
      <w:r>
        <w:t>startprice</w:t>
      </w:r>
      <w:proofErr w:type="spellEnd"/>
      <w:r>
        <w:t xml:space="preserve"> and storage </w:t>
      </w:r>
    </w:p>
    <w:p w14:paraId="6DB608FC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 xml:space="preserve">(x = storage, y = </w:t>
      </w:r>
      <w:proofErr w:type="spellStart"/>
      <w:r>
        <w:t>startprice</w:t>
      </w:r>
      <w:proofErr w:type="spellEnd"/>
      <w:r>
        <w:t>)) +</w:t>
      </w:r>
    </w:p>
    <w:p w14:paraId="7B83AAEC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point</w:t>
      </w:r>
      <w:proofErr w:type="spellEnd"/>
      <w:r>
        <w:t>(</w:t>
      </w:r>
      <w:proofErr w:type="gramEnd"/>
      <w:r>
        <w:t>)</w:t>
      </w:r>
    </w:p>
    <w:p w14:paraId="054117D9" w14:textId="77777777" w:rsidR="000A385F" w:rsidRDefault="000A385F" w:rsidP="000A385F"/>
    <w:p w14:paraId="2D3C99E7" w14:textId="77777777" w:rsidR="000A385F" w:rsidRDefault="000A385F" w:rsidP="000A385F">
      <w:r>
        <w:t># In the above plot, add the color argument which should be dependent on the sold Variable</w:t>
      </w:r>
    </w:p>
    <w:p w14:paraId="08E903FE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 xml:space="preserve">(x = storage, y = </w:t>
      </w:r>
      <w:proofErr w:type="spellStart"/>
      <w:r>
        <w:t>startprice</w:t>
      </w:r>
      <w:proofErr w:type="spellEnd"/>
      <w:r>
        <w:t>, color = sold)) +</w:t>
      </w:r>
    </w:p>
    <w:p w14:paraId="6E4AEF47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point</w:t>
      </w:r>
      <w:proofErr w:type="spellEnd"/>
      <w:r>
        <w:t>(</w:t>
      </w:r>
      <w:proofErr w:type="gramEnd"/>
      <w:r>
        <w:t>)</w:t>
      </w:r>
    </w:p>
    <w:p w14:paraId="4BCA65FC" w14:textId="77777777" w:rsidR="000A385F" w:rsidRDefault="000A385F" w:rsidP="000A385F"/>
    <w:p w14:paraId="2EB763AB" w14:textId="77777777" w:rsidR="000A385F" w:rsidRDefault="000A385F" w:rsidP="000A385F">
      <w:r>
        <w:lastRenderedPageBreak/>
        <w:t xml:space="preserve"># In the above plot where you had used the color argument, please add the smooth line using the </w:t>
      </w:r>
      <w:proofErr w:type="spellStart"/>
      <w:r>
        <w:t>geom_</w:t>
      </w:r>
      <w:proofErr w:type="gramStart"/>
      <w:r>
        <w:t>smooth</w:t>
      </w:r>
      <w:proofErr w:type="spellEnd"/>
      <w:r>
        <w:t>(</w:t>
      </w:r>
      <w:proofErr w:type="gramEnd"/>
      <w:r>
        <w:t>) function</w:t>
      </w:r>
    </w:p>
    <w:p w14:paraId="4C7758E8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 xml:space="preserve">(x = storage, y = </w:t>
      </w:r>
      <w:proofErr w:type="spellStart"/>
      <w:r>
        <w:t>startprice</w:t>
      </w:r>
      <w:proofErr w:type="spellEnd"/>
      <w:r>
        <w:t>, color = sold)) +</w:t>
      </w:r>
    </w:p>
    <w:p w14:paraId="199AA88E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point</w:t>
      </w:r>
      <w:proofErr w:type="spellEnd"/>
      <w:r>
        <w:t>(</w:t>
      </w:r>
      <w:proofErr w:type="gramEnd"/>
      <w:r>
        <w:t>) +</w:t>
      </w:r>
    </w:p>
    <w:p w14:paraId="5D41151E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smooth</w:t>
      </w:r>
      <w:proofErr w:type="spellEnd"/>
      <w:r>
        <w:t>(</w:t>
      </w:r>
      <w:proofErr w:type="gramEnd"/>
      <w:r>
        <w:t>)</w:t>
      </w:r>
    </w:p>
    <w:p w14:paraId="24D40F52" w14:textId="77777777" w:rsidR="000A385F" w:rsidRDefault="000A385F" w:rsidP="000A385F"/>
    <w:p w14:paraId="765C7415" w14:textId="77777777" w:rsidR="000A385F" w:rsidRDefault="000A385F" w:rsidP="000A385F">
      <w:r>
        <w:t xml:space="preserve"># Make a univariate histogram on </w:t>
      </w:r>
      <w:proofErr w:type="spellStart"/>
      <w:r>
        <w:t>startprice</w:t>
      </w:r>
      <w:proofErr w:type="spellEnd"/>
    </w:p>
    <w:p w14:paraId="53DE4BC7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>(</w:t>
      </w:r>
      <w:proofErr w:type="spellStart"/>
      <w:r>
        <w:t>startprice</w:t>
      </w:r>
      <w:proofErr w:type="spellEnd"/>
      <w:r>
        <w:t>)) +</w:t>
      </w:r>
    </w:p>
    <w:p w14:paraId="120DFEC4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histogram</w:t>
      </w:r>
      <w:proofErr w:type="spellEnd"/>
      <w:r>
        <w:t>(</w:t>
      </w:r>
      <w:proofErr w:type="gramEnd"/>
      <w:r>
        <w:t>)</w:t>
      </w:r>
    </w:p>
    <w:p w14:paraId="3DF36724" w14:textId="77777777" w:rsidR="000A385F" w:rsidRDefault="000A385F" w:rsidP="000A385F"/>
    <w:p w14:paraId="3DC8A3EC" w14:textId="77777777" w:rsidR="000A385F" w:rsidRDefault="000A385F" w:rsidP="000A385F">
      <w:r>
        <w:t xml:space="preserve"># In the above plot, add set </w:t>
      </w:r>
      <w:proofErr w:type="spellStart"/>
      <w:r>
        <w:t>binwidth</w:t>
      </w:r>
      <w:proofErr w:type="spellEnd"/>
      <w:r>
        <w:t xml:space="preserve"> to 200 in the </w:t>
      </w:r>
      <w:proofErr w:type="spellStart"/>
      <w:r>
        <w:t>geom</w:t>
      </w:r>
      <w:proofErr w:type="spellEnd"/>
      <w:r>
        <w:t xml:space="preserve"> layer</w:t>
      </w:r>
    </w:p>
    <w:p w14:paraId="55457863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>(</w:t>
      </w:r>
      <w:proofErr w:type="spellStart"/>
      <w:r>
        <w:t>startprice</w:t>
      </w:r>
      <w:proofErr w:type="spellEnd"/>
      <w:r>
        <w:t>)) +</w:t>
      </w:r>
    </w:p>
    <w:p w14:paraId="65285E21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histogram</w:t>
      </w:r>
      <w:proofErr w:type="spellEnd"/>
      <w:r>
        <w:t>(</w:t>
      </w:r>
      <w:proofErr w:type="spellStart"/>
      <w:proofErr w:type="gramEnd"/>
      <w:r>
        <w:t>binwidth</w:t>
      </w:r>
      <w:proofErr w:type="spellEnd"/>
      <w:r>
        <w:t xml:space="preserve"> = 200)</w:t>
      </w:r>
    </w:p>
    <w:p w14:paraId="58B014F8" w14:textId="77777777" w:rsidR="000A385F" w:rsidRDefault="000A385F" w:rsidP="000A385F"/>
    <w:p w14:paraId="76214708" w14:textId="77777777" w:rsidR="000A385F" w:rsidRDefault="000A385F" w:rsidP="000A385F">
      <w:r>
        <w:t xml:space="preserve"># In the above </w:t>
      </w:r>
      <w:proofErr w:type="gramStart"/>
      <w:r>
        <w:t>plot,  MAP</w:t>
      </w:r>
      <w:proofErr w:type="gramEnd"/>
      <w:r>
        <w:t xml:space="preserve"> ..density.. to the y aesthetic (i.e. in a second </w:t>
      </w:r>
      <w:proofErr w:type="spellStart"/>
      <w:proofErr w:type="gramStart"/>
      <w:r>
        <w:t>aes</w:t>
      </w:r>
      <w:proofErr w:type="spellEnd"/>
      <w:r>
        <w:t>(</w:t>
      </w:r>
      <w:proofErr w:type="gramEnd"/>
      <w:r>
        <w:t>) function)</w:t>
      </w:r>
    </w:p>
    <w:p w14:paraId="75AEEF0C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>(</w:t>
      </w:r>
      <w:proofErr w:type="spellStart"/>
      <w:r>
        <w:t>startprice</w:t>
      </w:r>
      <w:proofErr w:type="spellEnd"/>
      <w:r>
        <w:t>)) +</w:t>
      </w:r>
    </w:p>
    <w:p w14:paraId="531583FD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histogram</w:t>
      </w:r>
      <w:proofErr w:type="spellEnd"/>
      <w:r>
        <w:t>(</w:t>
      </w:r>
      <w:proofErr w:type="spellStart"/>
      <w:proofErr w:type="gramEnd"/>
      <w:r>
        <w:t>aes</w:t>
      </w:r>
      <w:proofErr w:type="spellEnd"/>
      <w:r>
        <w:t xml:space="preserve">(y = ..density..), </w:t>
      </w:r>
      <w:proofErr w:type="spellStart"/>
      <w:r>
        <w:t>binwidth</w:t>
      </w:r>
      <w:proofErr w:type="spellEnd"/>
      <w:r>
        <w:t xml:space="preserve"> = 200)</w:t>
      </w:r>
    </w:p>
    <w:p w14:paraId="7B7558A6" w14:textId="77777777" w:rsidR="000A385F" w:rsidRDefault="000A385F" w:rsidP="000A385F"/>
    <w:p w14:paraId="5FD6CD0B" w14:textId="77777777" w:rsidR="000A385F" w:rsidRDefault="000A385F" w:rsidP="000A385F">
      <w:r>
        <w:t># Now, In the above plot, plus SET the fill attribute to "#377EB8"</w:t>
      </w:r>
    </w:p>
    <w:p w14:paraId="4E84F8D6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>(</w:t>
      </w:r>
      <w:proofErr w:type="spellStart"/>
      <w:r>
        <w:t>startprice</w:t>
      </w:r>
      <w:proofErr w:type="spellEnd"/>
      <w:r>
        <w:t>)) +</w:t>
      </w:r>
    </w:p>
    <w:p w14:paraId="5E4AFB6A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histogram</w:t>
      </w:r>
      <w:proofErr w:type="spellEnd"/>
      <w:r>
        <w:t>(</w:t>
      </w:r>
      <w:proofErr w:type="spellStart"/>
      <w:proofErr w:type="gramEnd"/>
      <w:r>
        <w:t>aes</w:t>
      </w:r>
      <w:proofErr w:type="spellEnd"/>
      <w:r>
        <w:t xml:space="preserve">(y = ..density..), </w:t>
      </w:r>
      <w:proofErr w:type="spellStart"/>
      <w:r>
        <w:t>binwidth</w:t>
      </w:r>
      <w:proofErr w:type="spellEnd"/>
      <w:r>
        <w:t xml:space="preserve"> = 200, fill = "#377EB8")</w:t>
      </w:r>
    </w:p>
    <w:p w14:paraId="7D9BEAE5" w14:textId="77777777" w:rsidR="000A385F" w:rsidRDefault="000A385F" w:rsidP="000A385F"/>
    <w:p w14:paraId="618F47C7" w14:textId="77777777" w:rsidR="000A385F" w:rsidRDefault="000A385F" w:rsidP="000A385F">
      <w:r>
        <w:t># Draw a bar plot of sold, filled according to biddable</w:t>
      </w:r>
    </w:p>
    <w:p w14:paraId="50C18F68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>(x = sold, fill = biddable)) +</w:t>
      </w:r>
    </w:p>
    <w:p w14:paraId="2CA77B20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bar</w:t>
      </w:r>
      <w:proofErr w:type="spellEnd"/>
      <w:r>
        <w:t>(</w:t>
      </w:r>
      <w:proofErr w:type="gramEnd"/>
      <w:r>
        <w:t>)</w:t>
      </w:r>
    </w:p>
    <w:p w14:paraId="302B3525" w14:textId="77777777" w:rsidR="000A385F" w:rsidRDefault="000A385F" w:rsidP="000A385F"/>
    <w:p w14:paraId="04A2A0F7" w14:textId="77777777" w:rsidR="000A385F" w:rsidRDefault="000A385F" w:rsidP="000A385F">
      <w:r>
        <w:t># In the previous plot, Change the position argument to "stack""</w:t>
      </w:r>
    </w:p>
    <w:p w14:paraId="6E05D302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>(x = sold, fill = biddable)) +</w:t>
      </w:r>
    </w:p>
    <w:p w14:paraId="707CE52A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bar</w:t>
      </w:r>
      <w:proofErr w:type="spellEnd"/>
      <w:r>
        <w:t>(</w:t>
      </w:r>
      <w:proofErr w:type="gramEnd"/>
      <w:r>
        <w:t>position = "stack")</w:t>
      </w:r>
    </w:p>
    <w:p w14:paraId="02707CC4" w14:textId="77777777" w:rsidR="000A385F" w:rsidRDefault="000A385F" w:rsidP="000A385F"/>
    <w:p w14:paraId="306F0C19" w14:textId="77777777" w:rsidR="000A385F" w:rsidRDefault="000A385F" w:rsidP="000A385F">
      <w:r>
        <w:t># Change the position argument to "fill""</w:t>
      </w:r>
    </w:p>
    <w:p w14:paraId="2F2FEAF6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>(x = sold, fill = biddable)) +</w:t>
      </w:r>
    </w:p>
    <w:p w14:paraId="5C559B9C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bar</w:t>
      </w:r>
      <w:proofErr w:type="spellEnd"/>
      <w:r>
        <w:t>(</w:t>
      </w:r>
      <w:proofErr w:type="gramEnd"/>
      <w:r>
        <w:t>position = "fill")</w:t>
      </w:r>
    </w:p>
    <w:p w14:paraId="5B3F8B02" w14:textId="77777777" w:rsidR="000A385F" w:rsidRDefault="000A385F" w:rsidP="000A385F"/>
    <w:p w14:paraId="2FC4B5AD" w14:textId="77777777" w:rsidR="000A385F" w:rsidRDefault="000A385F" w:rsidP="000A385F">
      <w:r>
        <w:t># Change the position argument to "dodge""</w:t>
      </w:r>
    </w:p>
    <w:p w14:paraId="287A818B" w14:textId="77777777" w:rsidR="000A385F" w:rsidRDefault="000A385F" w:rsidP="000A385F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>(x = sold, fill = biddable)) +</w:t>
      </w:r>
    </w:p>
    <w:p w14:paraId="7EC88736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bar</w:t>
      </w:r>
      <w:proofErr w:type="spellEnd"/>
      <w:r>
        <w:t>(</w:t>
      </w:r>
      <w:proofErr w:type="gramEnd"/>
      <w:r>
        <w:t>position = "dodge")</w:t>
      </w:r>
    </w:p>
    <w:p w14:paraId="6DF81B06" w14:textId="77777777" w:rsidR="000A385F" w:rsidRDefault="000A385F" w:rsidP="000A385F"/>
    <w:p w14:paraId="6231B17C" w14:textId="77777777" w:rsidR="000A385F" w:rsidRDefault="000A385F" w:rsidP="000A385F">
      <w:r>
        <w:t>##Faceting</w:t>
      </w:r>
    </w:p>
    <w:p w14:paraId="2772C913" w14:textId="77777777" w:rsidR="000A385F" w:rsidRDefault="000A385F" w:rsidP="000A385F">
      <w:r>
        <w:t xml:space="preserve"># Now create a basic scatter plot between </w:t>
      </w:r>
      <w:proofErr w:type="spellStart"/>
      <w:r>
        <w:t>pce</w:t>
      </w:r>
      <w:proofErr w:type="spellEnd"/>
      <w:r>
        <w:t xml:space="preserve"> and </w:t>
      </w:r>
      <w:proofErr w:type="spellStart"/>
      <w:r>
        <w:t>psavert</w:t>
      </w:r>
      <w:proofErr w:type="spellEnd"/>
      <w:r>
        <w:t xml:space="preserve"> variables on econ_2:</w:t>
      </w:r>
    </w:p>
    <w:p w14:paraId="7998AE5F" w14:textId="77777777" w:rsidR="000A385F" w:rsidRDefault="000A385F" w:rsidP="000A385F">
      <w:r>
        <w:t xml:space="preserve">p2 &lt;- </w:t>
      </w:r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 xml:space="preserve">(x = storage, y = </w:t>
      </w:r>
      <w:proofErr w:type="spellStart"/>
      <w:r>
        <w:t>startprice</w:t>
      </w:r>
      <w:proofErr w:type="spellEnd"/>
      <w:r>
        <w:t>)) +</w:t>
      </w:r>
    </w:p>
    <w:p w14:paraId="716675DC" w14:textId="77777777" w:rsidR="000A385F" w:rsidRDefault="000A385F" w:rsidP="000A385F">
      <w:r>
        <w:t xml:space="preserve">  </w:t>
      </w:r>
      <w:proofErr w:type="spellStart"/>
      <w:r>
        <w:t>geom_</w:t>
      </w:r>
      <w:proofErr w:type="gramStart"/>
      <w:r>
        <w:t>point</w:t>
      </w:r>
      <w:proofErr w:type="spellEnd"/>
      <w:r>
        <w:t>(</w:t>
      </w:r>
      <w:proofErr w:type="gramEnd"/>
      <w:r>
        <w:t>)</w:t>
      </w:r>
    </w:p>
    <w:p w14:paraId="02C462CD" w14:textId="77777777" w:rsidR="000A385F" w:rsidRDefault="000A385F" w:rsidP="000A385F"/>
    <w:p w14:paraId="430EF8E9" w14:textId="77777777" w:rsidR="000A385F" w:rsidRDefault="000A385F" w:rsidP="000A385F">
      <w:r>
        <w:t># Separate rows according to sold</w:t>
      </w:r>
    </w:p>
    <w:p w14:paraId="306FE375" w14:textId="77777777" w:rsidR="000A385F" w:rsidRDefault="000A385F" w:rsidP="000A385F">
      <w:r>
        <w:t>p2 +</w:t>
      </w:r>
    </w:p>
    <w:p w14:paraId="4F75BDB2" w14:textId="77777777" w:rsidR="000A385F" w:rsidRDefault="000A385F" w:rsidP="000A385F">
      <w:r>
        <w:t xml:space="preserve">  </w:t>
      </w:r>
      <w:proofErr w:type="spellStart"/>
      <w:r>
        <w:t>facet_</w:t>
      </w:r>
      <w:proofErr w:type="gramStart"/>
      <w:r>
        <w:t>grid</w:t>
      </w:r>
      <w:proofErr w:type="spellEnd"/>
      <w:r>
        <w:t>(</w:t>
      </w:r>
      <w:proofErr w:type="gramEnd"/>
      <w:r>
        <w:t>sold ~ .)</w:t>
      </w:r>
    </w:p>
    <w:p w14:paraId="72FB265C" w14:textId="77777777" w:rsidR="000A385F" w:rsidRDefault="000A385F" w:rsidP="000A385F"/>
    <w:p w14:paraId="27FB8951" w14:textId="77777777" w:rsidR="000A385F" w:rsidRDefault="000A385F" w:rsidP="000A385F">
      <w:r>
        <w:t># Separate columns according to biddable</w:t>
      </w:r>
    </w:p>
    <w:p w14:paraId="77CF9F7F" w14:textId="77777777" w:rsidR="000A385F" w:rsidRDefault="000A385F" w:rsidP="000A385F">
      <w:r>
        <w:t>p2 +</w:t>
      </w:r>
    </w:p>
    <w:p w14:paraId="7326B861" w14:textId="77777777" w:rsidR="000A385F" w:rsidRDefault="000A385F" w:rsidP="000A385F">
      <w:r>
        <w:t xml:space="preserve">  </w:t>
      </w:r>
      <w:proofErr w:type="spellStart"/>
      <w:r>
        <w:t>facet_</w:t>
      </w:r>
      <w:proofErr w:type="gramStart"/>
      <w:r>
        <w:t>grid</w:t>
      </w:r>
      <w:proofErr w:type="spellEnd"/>
      <w:r>
        <w:t>(</w:t>
      </w:r>
      <w:proofErr w:type="gramEnd"/>
      <w:r>
        <w:t>. ~ biddable)</w:t>
      </w:r>
    </w:p>
    <w:p w14:paraId="2F7C5B26" w14:textId="77777777" w:rsidR="000A385F" w:rsidRDefault="000A385F" w:rsidP="000A385F"/>
    <w:p w14:paraId="50C188A9" w14:textId="77777777" w:rsidR="000A385F" w:rsidRDefault="000A385F" w:rsidP="000A385F">
      <w:r>
        <w:t xml:space="preserve"># Separate by both columns and rows </w:t>
      </w:r>
    </w:p>
    <w:p w14:paraId="2BA49CA7" w14:textId="77777777" w:rsidR="000A385F" w:rsidRDefault="000A385F" w:rsidP="000A385F">
      <w:r>
        <w:t>p2 +</w:t>
      </w:r>
    </w:p>
    <w:p w14:paraId="651A83AA" w14:textId="77777777" w:rsidR="000A385F" w:rsidRDefault="000A385F" w:rsidP="000A385F">
      <w:r>
        <w:t xml:space="preserve">  </w:t>
      </w:r>
      <w:proofErr w:type="spellStart"/>
      <w:r>
        <w:t>facet_</w:t>
      </w:r>
      <w:proofErr w:type="gramStart"/>
      <w:r>
        <w:t>grid</w:t>
      </w:r>
      <w:proofErr w:type="spellEnd"/>
      <w:r>
        <w:t>(</w:t>
      </w:r>
      <w:proofErr w:type="gramEnd"/>
      <w:r>
        <w:t>sold ~ biddable)</w:t>
      </w:r>
    </w:p>
    <w:p w14:paraId="4539F829" w14:textId="77777777" w:rsidR="000A385F" w:rsidRDefault="000A385F" w:rsidP="000A385F"/>
    <w:p w14:paraId="5BF209D8" w14:textId="77777777" w:rsidR="000A385F" w:rsidRDefault="000A385F" w:rsidP="000A385F">
      <w:r>
        <w:t>### Text Analytics ###</w:t>
      </w:r>
    </w:p>
    <w:p w14:paraId="6F709236" w14:textId="77777777" w:rsidR="000A385F" w:rsidRDefault="000A385F" w:rsidP="000A385F">
      <w:r>
        <w:t>#load the required packages and libraries</w:t>
      </w:r>
    </w:p>
    <w:p w14:paraId="4CA60D4A" w14:textId="77777777" w:rsidR="000A385F" w:rsidRDefault="000A385F" w:rsidP="000A385F">
      <w:r>
        <w:t>library(tm)</w:t>
      </w:r>
    </w:p>
    <w:p w14:paraId="1958AA79" w14:textId="77777777" w:rsidR="000A385F" w:rsidRDefault="000A385F" w:rsidP="000A385F">
      <w:proofErr w:type="gramStart"/>
      <w:r>
        <w:lastRenderedPageBreak/>
        <w:t>library(</w:t>
      </w:r>
      <w:proofErr w:type="spellStart"/>
      <w:proofErr w:type="gramEnd"/>
      <w:r>
        <w:t>SnowballC</w:t>
      </w:r>
      <w:proofErr w:type="spellEnd"/>
      <w:r>
        <w:t>)</w:t>
      </w:r>
    </w:p>
    <w:p w14:paraId="7990AE95" w14:textId="77777777" w:rsidR="000A385F" w:rsidRDefault="000A385F" w:rsidP="000A385F">
      <w:r>
        <w:t>library('</w:t>
      </w:r>
      <w:proofErr w:type="spellStart"/>
      <w:r>
        <w:t>stringr</w:t>
      </w:r>
      <w:proofErr w:type="spellEnd"/>
      <w:r>
        <w:t>')</w:t>
      </w:r>
    </w:p>
    <w:p w14:paraId="3E868709" w14:textId="77777777" w:rsidR="000A385F" w:rsidRDefault="000A385F" w:rsidP="000A385F">
      <w:r>
        <w:t>library('</w:t>
      </w:r>
      <w:proofErr w:type="spellStart"/>
      <w:r>
        <w:t>readr</w:t>
      </w:r>
      <w:proofErr w:type="spellEnd"/>
      <w:r>
        <w:t>')</w:t>
      </w:r>
    </w:p>
    <w:p w14:paraId="49F73651" w14:textId="77777777" w:rsidR="000A385F" w:rsidRDefault="000A385F" w:rsidP="000A385F">
      <w:r>
        <w:t>library('</w:t>
      </w:r>
      <w:proofErr w:type="spellStart"/>
      <w:r>
        <w:t>wordcloud</w:t>
      </w:r>
      <w:proofErr w:type="spellEnd"/>
      <w:r>
        <w:t>')</w:t>
      </w:r>
    </w:p>
    <w:p w14:paraId="2BEB974C" w14:textId="77777777" w:rsidR="000A385F" w:rsidRDefault="000A385F" w:rsidP="000A385F">
      <w:r>
        <w:t>library('tm')</w:t>
      </w:r>
    </w:p>
    <w:p w14:paraId="0817F83C" w14:textId="77777777" w:rsidR="000A385F" w:rsidRDefault="000A385F" w:rsidP="000A385F">
      <w:r>
        <w:t>library('</w:t>
      </w:r>
      <w:proofErr w:type="spellStart"/>
      <w:r>
        <w:t>SnowballC</w:t>
      </w:r>
      <w:proofErr w:type="spellEnd"/>
      <w:r>
        <w:t>')</w:t>
      </w:r>
    </w:p>
    <w:p w14:paraId="1A9ABD10" w14:textId="77777777" w:rsidR="000A385F" w:rsidRDefault="000A385F" w:rsidP="000A385F">
      <w:proofErr w:type="gramStart"/>
      <w:r>
        <w:t>library(</w:t>
      </w:r>
      <w:proofErr w:type="gramEnd"/>
      <w:r>
        <w:t>DT)</w:t>
      </w:r>
    </w:p>
    <w:p w14:paraId="3D53C92F" w14:textId="77777777" w:rsidR="000A385F" w:rsidRDefault="000A385F" w:rsidP="000A385F"/>
    <w:p w14:paraId="5259D6A8" w14:textId="77777777" w:rsidR="000A385F" w:rsidRDefault="000A385F" w:rsidP="000A385F">
      <w:r>
        <w:t>#Now, extract the relevant variable, the one containing the text.</w:t>
      </w:r>
    </w:p>
    <w:p w14:paraId="5B8CC8EA" w14:textId="77777777" w:rsidR="000A385F" w:rsidRDefault="000A385F" w:rsidP="000A385F">
      <w:r>
        <w:t xml:space="preserve">r1 = </w:t>
      </w:r>
      <w:proofErr w:type="spellStart"/>
      <w:proofErr w:type="gramStart"/>
      <w:r>
        <w:t>as.character</w:t>
      </w:r>
      <w:proofErr w:type="spellEnd"/>
      <w:proofErr w:type="gramEnd"/>
      <w:r>
        <w:t>(</w:t>
      </w:r>
      <w:proofErr w:type="spellStart"/>
      <w:r>
        <w:t>p$description</w:t>
      </w:r>
      <w:proofErr w:type="spellEnd"/>
      <w:r>
        <w:t>)</w:t>
      </w:r>
    </w:p>
    <w:p w14:paraId="4304A9B3" w14:textId="77777777" w:rsidR="000A385F" w:rsidRDefault="000A385F" w:rsidP="000A385F">
      <w:r>
        <w:t>#Set the seed to 100 for code reproducibility</w:t>
      </w:r>
    </w:p>
    <w:p w14:paraId="24EF1910" w14:textId="77777777" w:rsidR="000A385F" w:rsidRDefault="000A385F" w:rsidP="000A385F">
      <w:proofErr w:type="spellStart"/>
      <w:proofErr w:type="gramStart"/>
      <w:r>
        <w:t>set.seed</w:t>
      </w:r>
      <w:proofErr w:type="spellEnd"/>
      <w:proofErr w:type="gramEnd"/>
      <w:r>
        <w:t>(100)</w:t>
      </w:r>
    </w:p>
    <w:p w14:paraId="03A136E9" w14:textId="77777777" w:rsidR="000A385F" w:rsidRDefault="000A385F" w:rsidP="000A385F">
      <w:r>
        <w:t xml:space="preserve"># run the following command, 'sample = </w:t>
      </w:r>
      <w:proofErr w:type="gramStart"/>
      <w:r>
        <w:t>sample(</w:t>
      </w:r>
      <w:proofErr w:type="gramEnd"/>
      <w:r>
        <w:t>r1, (length(r1)))', in your RStudio, now you are ready for Bag of Words</w:t>
      </w:r>
    </w:p>
    <w:p w14:paraId="5AC42FAE" w14:textId="77777777" w:rsidR="000A385F" w:rsidRDefault="000A385F" w:rsidP="000A385F">
      <w:r>
        <w:t xml:space="preserve">sample = </w:t>
      </w:r>
      <w:proofErr w:type="gramStart"/>
      <w:r>
        <w:t>sample(</w:t>
      </w:r>
      <w:proofErr w:type="gramEnd"/>
      <w:r>
        <w:t>r1, (length(r1)))</w:t>
      </w:r>
    </w:p>
    <w:p w14:paraId="33661867" w14:textId="77777777" w:rsidR="000A385F" w:rsidRDefault="000A385F" w:rsidP="000A385F"/>
    <w:p w14:paraId="6EC2FA5C" w14:textId="77777777" w:rsidR="000A385F" w:rsidRDefault="000A385F" w:rsidP="000A385F">
      <w:r>
        <w:t>#Data Preprocessing using Bag of Words Technique</w:t>
      </w:r>
    </w:p>
    <w:p w14:paraId="490B9E8C" w14:textId="77777777" w:rsidR="000A385F" w:rsidRDefault="000A385F" w:rsidP="000A385F"/>
    <w:p w14:paraId="5DCE35E7" w14:textId="77777777" w:rsidR="000A385F" w:rsidRDefault="000A385F" w:rsidP="000A385F">
      <w:r>
        <w:t># Create a Corpus - which, in simple terms, is nothing but a collection of text documents.</w:t>
      </w:r>
    </w:p>
    <w:p w14:paraId="4AF6BEFA" w14:textId="77777777" w:rsidR="000A385F" w:rsidRDefault="000A385F" w:rsidP="000A385F">
      <w:r>
        <w:t xml:space="preserve">corpus = </w:t>
      </w:r>
      <w:proofErr w:type="gramStart"/>
      <w:r>
        <w:t>Corpus(</w:t>
      </w:r>
      <w:proofErr w:type="spellStart"/>
      <w:proofErr w:type="gramEnd"/>
      <w:r>
        <w:t>VectorSource</w:t>
      </w:r>
      <w:proofErr w:type="spellEnd"/>
      <w:r>
        <w:t>(list(sample)))</w:t>
      </w:r>
    </w:p>
    <w:p w14:paraId="77095169" w14:textId="77777777" w:rsidR="000A385F" w:rsidRDefault="000A385F" w:rsidP="000A385F"/>
    <w:p w14:paraId="3B852C1F" w14:textId="77777777" w:rsidR="000A385F" w:rsidRDefault="000A385F" w:rsidP="000A385F">
      <w:r>
        <w:t># Now, remove punctuations</w:t>
      </w:r>
    </w:p>
    <w:p w14:paraId="7EFA6837" w14:textId="77777777" w:rsidR="000A385F" w:rsidRDefault="000A385F" w:rsidP="000A385F">
      <w:r>
        <w:t xml:space="preserve">corpus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, </w:t>
      </w:r>
      <w:proofErr w:type="spellStart"/>
      <w:r>
        <w:t>removePunctuation</w:t>
      </w:r>
      <w:proofErr w:type="spellEnd"/>
      <w:r>
        <w:t>)</w:t>
      </w:r>
    </w:p>
    <w:p w14:paraId="677D06B5" w14:textId="77777777" w:rsidR="000A385F" w:rsidRDefault="000A385F" w:rsidP="000A385F"/>
    <w:p w14:paraId="427729FE" w14:textId="77777777" w:rsidR="000A385F" w:rsidRDefault="000A385F" w:rsidP="000A385F">
      <w:r>
        <w:t># Next, change the case of the word to lowercase so that same words are not counted as different because of lower or upper case.</w:t>
      </w:r>
    </w:p>
    <w:p w14:paraId="7092BFC0" w14:textId="77777777" w:rsidR="000A385F" w:rsidRDefault="000A385F" w:rsidP="000A385F">
      <w:r>
        <w:t xml:space="preserve">corpus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, </w:t>
      </w:r>
      <w:proofErr w:type="spellStart"/>
      <w:r>
        <w:t>content_transformer</w:t>
      </w:r>
      <w:proofErr w:type="spellEnd"/>
      <w:r>
        <w:t>(</w:t>
      </w:r>
      <w:proofErr w:type="spellStart"/>
      <w:r>
        <w:t>tolower</w:t>
      </w:r>
      <w:proofErr w:type="spellEnd"/>
      <w:r>
        <w:t>))</w:t>
      </w:r>
    </w:p>
    <w:p w14:paraId="48D317B8" w14:textId="77777777" w:rsidR="000A385F" w:rsidRDefault="000A385F" w:rsidP="000A385F"/>
    <w:p w14:paraId="6541C821" w14:textId="77777777" w:rsidR="000A385F" w:rsidRDefault="000A385F" w:rsidP="000A385F"/>
    <w:p w14:paraId="27A79579" w14:textId="77777777" w:rsidR="000A385F" w:rsidRDefault="000A385F" w:rsidP="000A385F">
      <w:r>
        <w:lastRenderedPageBreak/>
        <w:t xml:space="preserve"># Next, remove numbers </w:t>
      </w:r>
    </w:p>
    <w:p w14:paraId="631E039E" w14:textId="77777777" w:rsidR="000A385F" w:rsidRDefault="000A385F" w:rsidP="000A385F">
      <w:r>
        <w:t xml:space="preserve">corpus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, </w:t>
      </w:r>
      <w:proofErr w:type="spellStart"/>
      <w:r>
        <w:t>removeNumbers</w:t>
      </w:r>
      <w:proofErr w:type="spellEnd"/>
      <w:r>
        <w:t>)</w:t>
      </w:r>
    </w:p>
    <w:p w14:paraId="117DBB3D" w14:textId="77777777" w:rsidR="000A385F" w:rsidRDefault="000A385F" w:rsidP="000A385F"/>
    <w:p w14:paraId="1F84C9C9" w14:textId="77777777" w:rsidR="000A385F" w:rsidRDefault="000A385F" w:rsidP="000A385F">
      <w:r>
        <w:t># Next, remove whitespaces</w:t>
      </w:r>
    </w:p>
    <w:p w14:paraId="443DE774" w14:textId="77777777" w:rsidR="000A385F" w:rsidRDefault="000A385F" w:rsidP="000A385F">
      <w:r>
        <w:t xml:space="preserve">corpus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, </w:t>
      </w:r>
      <w:proofErr w:type="spellStart"/>
      <w:r>
        <w:t>stripWhitespace</w:t>
      </w:r>
      <w:proofErr w:type="spellEnd"/>
      <w:r>
        <w:t>)</w:t>
      </w:r>
    </w:p>
    <w:p w14:paraId="15E53944" w14:textId="77777777" w:rsidR="000A385F" w:rsidRDefault="000A385F" w:rsidP="000A385F"/>
    <w:p w14:paraId="15D29D4E" w14:textId="77777777" w:rsidR="000A385F" w:rsidRDefault="000A385F" w:rsidP="000A385F">
      <w:r>
        <w:t xml:space="preserve"># Now, remove unhelpful terms, also referred as </w:t>
      </w:r>
      <w:proofErr w:type="spellStart"/>
      <w:r>
        <w:t>stopwords</w:t>
      </w:r>
      <w:proofErr w:type="spellEnd"/>
    </w:p>
    <w:p w14:paraId="4BE96445" w14:textId="77777777" w:rsidR="000A385F" w:rsidRDefault="000A385F" w:rsidP="000A385F">
      <w:r>
        <w:t xml:space="preserve">corpus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, </w:t>
      </w:r>
      <w:proofErr w:type="spellStart"/>
      <w:r>
        <w:t>removeWords</w:t>
      </w:r>
      <w:proofErr w:type="spellEnd"/>
      <w:r>
        <w:t xml:space="preserve">, </w:t>
      </w:r>
      <w:proofErr w:type="spellStart"/>
      <w:r>
        <w:t>stopwords</w:t>
      </w:r>
      <w:proofErr w:type="spellEnd"/>
      <w:r>
        <w:t>('</w:t>
      </w:r>
      <w:proofErr w:type="spellStart"/>
      <w:r>
        <w:t>english</w:t>
      </w:r>
      <w:proofErr w:type="spellEnd"/>
      <w:r>
        <w:t>'))</w:t>
      </w:r>
    </w:p>
    <w:p w14:paraId="53B887FA" w14:textId="77777777" w:rsidR="000A385F" w:rsidRDefault="000A385F" w:rsidP="000A385F"/>
    <w:p w14:paraId="694564A6" w14:textId="77777777" w:rsidR="000A385F" w:rsidRDefault="000A385F" w:rsidP="000A385F">
      <w:r>
        <w:t># Now, please carry out the process of stemming, motivated by the desire to represent words with different endings as the same word.</w:t>
      </w:r>
    </w:p>
    <w:p w14:paraId="2633248D" w14:textId="77777777" w:rsidR="000A385F" w:rsidRDefault="000A385F" w:rsidP="000A385F">
      <w:r>
        <w:t xml:space="preserve">corpus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, </w:t>
      </w:r>
      <w:proofErr w:type="spellStart"/>
      <w:r>
        <w:t>stemDocument</w:t>
      </w:r>
      <w:proofErr w:type="spellEnd"/>
      <w:r>
        <w:t>)</w:t>
      </w:r>
    </w:p>
    <w:p w14:paraId="130DEC73" w14:textId="77777777" w:rsidR="000A385F" w:rsidRDefault="000A385F" w:rsidP="000A385F"/>
    <w:p w14:paraId="1834A63C" w14:textId="77777777" w:rsidR="000A385F" w:rsidRDefault="000A385F" w:rsidP="000A385F">
      <w:r>
        <w:t xml:space="preserve"># </w:t>
      </w:r>
      <w:proofErr w:type="spellStart"/>
      <w:r>
        <w:t>creat</w:t>
      </w:r>
      <w:proofErr w:type="spellEnd"/>
      <w:r>
        <w:t xml:space="preserve"> a document term matrix from the corpus</w:t>
      </w:r>
    </w:p>
    <w:p w14:paraId="36DA16F3" w14:textId="77777777" w:rsidR="000A385F" w:rsidRDefault="000A385F" w:rsidP="000A385F">
      <w:r>
        <w:t xml:space="preserve">frequencies = </w:t>
      </w:r>
      <w:proofErr w:type="spellStart"/>
      <w:r>
        <w:t>DocumentTermMatrix</w:t>
      </w:r>
      <w:proofErr w:type="spellEnd"/>
      <w:r>
        <w:t>(corpus)</w:t>
      </w:r>
    </w:p>
    <w:p w14:paraId="67AF493C" w14:textId="77777777" w:rsidR="000A385F" w:rsidRDefault="000A385F" w:rsidP="000A385F"/>
    <w:p w14:paraId="4A995E49" w14:textId="77777777" w:rsidR="000A385F" w:rsidRDefault="000A385F" w:rsidP="000A385F">
      <w:r>
        <w:t># now create the data frame from the output of the above line</w:t>
      </w:r>
    </w:p>
    <w:p w14:paraId="78C2E80A" w14:textId="77777777" w:rsidR="000A385F" w:rsidRDefault="000A385F" w:rsidP="000A385F">
      <w:proofErr w:type="spellStart"/>
      <w:r>
        <w:t>alldescription</w:t>
      </w:r>
      <w:proofErr w:type="spellEnd"/>
      <w:r>
        <w:t xml:space="preserve"> = </w:t>
      </w:r>
      <w:proofErr w:type="spellStart"/>
      <w:r>
        <w:t>as.</w:t>
      </w:r>
      <w:proofErr w:type="gramStart"/>
      <w:r>
        <w:t>data.frame</w:t>
      </w:r>
      <w:proofErr w:type="spellEnd"/>
      <w:proofErr w:type="gramEnd"/>
      <w:r>
        <w:t>(</w:t>
      </w:r>
      <w:proofErr w:type="spellStart"/>
      <w:r>
        <w:t>as.matrix</w:t>
      </w:r>
      <w:proofErr w:type="spellEnd"/>
      <w:r>
        <w:t>(frequencies))</w:t>
      </w:r>
    </w:p>
    <w:p w14:paraId="684CB972" w14:textId="77777777" w:rsidR="000A385F" w:rsidRDefault="000A385F" w:rsidP="000A385F"/>
    <w:p w14:paraId="62734751" w14:textId="77777777" w:rsidR="000A385F" w:rsidRDefault="000A385F" w:rsidP="000A385F">
      <w:r>
        <w:t xml:space="preserve"># Create a word cloud and set </w:t>
      </w:r>
      <w:proofErr w:type="spellStart"/>
      <w:proofErr w:type="gramStart"/>
      <w:r>
        <w:t>random.order</w:t>
      </w:r>
      <w:proofErr w:type="spellEnd"/>
      <w:proofErr w:type="gramEnd"/>
      <w:r>
        <w:t xml:space="preserve"> = TRUE:</w:t>
      </w:r>
    </w:p>
    <w:p w14:paraId="7B83E6C2" w14:textId="77777777" w:rsidR="000A385F" w:rsidRDefault="000A385F" w:rsidP="000A385F">
      <w:proofErr w:type="spellStart"/>
      <w:r>
        <w:t>wordcloud</w:t>
      </w:r>
      <w:proofErr w:type="spellEnd"/>
      <w:r>
        <w:t>(</w:t>
      </w:r>
      <w:proofErr w:type="spellStart"/>
      <w:r>
        <w:t>colnames</w:t>
      </w:r>
      <w:proofErr w:type="spellEnd"/>
      <w:r>
        <w:t>(</w:t>
      </w:r>
      <w:proofErr w:type="spellStart"/>
      <w:r>
        <w:t>alldescription</w:t>
      </w:r>
      <w:proofErr w:type="spellEnd"/>
      <w:r>
        <w:t xml:space="preserve">), </w:t>
      </w:r>
      <w:proofErr w:type="spellStart"/>
      <w:r>
        <w:t>colSums</w:t>
      </w:r>
      <w:proofErr w:type="spellEnd"/>
      <w:r>
        <w:t>(</w:t>
      </w:r>
      <w:proofErr w:type="spellStart"/>
      <w:r>
        <w:t>alldescription</w:t>
      </w:r>
      <w:proofErr w:type="spellEnd"/>
      <w:r>
        <w:t xml:space="preserve">), </w:t>
      </w:r>
      <w:proofErr w:type="spellStart"/>
      <w:proofErr w:type="gramStart"/>
      <w:r>
        <w:t>random.order</w:t>
      </w:r>
      <w:proofErr w:type="spellEnd"/>
      <w:proofErr w:type="gramEnd"/>
      <w:r>
        <w:t>=TRUE)</w:t>
      </w:r>
    </w:p>
    <w:p w14:paraId="0E3895BE" w14:textId="77777777" w:rsidR="000A385F" w:rsidRDefault="000A385F" w:rsidP="000A385F"/>
    <w:p w14:paraId="2BD557D7" w14:textId="77777777" w:rsidR="000A385F" w:rsidRDefault="000A385F" w:rsidP="000A385F">
      <w:r>
        <w:t xml:space="preserve"># Create a word cloud and set </w:t>
      </w:r>
      <w:proofErr w:type="spellStart"/>
      <w:proofErr w:type="gramStart"/>
      <w:r>
        <w:t>random.order</w:t>
      </w:r>
      <w:proofErr w:type="spellEnd"/>
      <w:proofErr w:type="gramEnd"/>
      <w:r>
        <w:t xml:space="preserve"> = FALSE:</w:t>
      </w:r>
    </w:p>
    <w:p w14:paraId="3297A753" w14:textId="77777777" w:rsidR="000A385F" w:rsidRDefault="000A385F" w:rsidP="000A385F">
      <w:proofErr w:type="spellStart"/>
      <w:r>
        <w:t>wordcloud</w:t>
      </w:r>
      <w:proofErr w:type="spellEnd"/>
      <w:r>
        <w:t>(</w:t>
      </w:r>
      <w:proofErr w:type="spellStart"/>
      <w:r>
        <w:t>colnames</w:t>
      </w:r>
      <w:proofErr w:type="spellEnd"/>
      <w:r>
        <w:t>(</w:t>
      </w:r>
      <w:proofErr w:type="spellStart"/>
      <w:r>
        <w:t>alldescription</w:t>
      </w:r>
      <w:proofErr w:type="spellEnd"/>
      <w:r>
        <w:t xml:space="preserve">), </w:t>
      </w:r>
      <w:proofErr w:type="spellStart"/>
      <w:r>
        <w:t>colSums</w:t>
      </w:r>
      <w:proofErr w:type="spellEnd"/>
      <w:r>
        <w:t>(</w:t>
      </w:r>
      <w:proofErr w:type="spellStart"/>
      <w:r>
        <w:t>alldescription</w:t>
      </w:r>
      <w:proofErr w:type="spellEnd"/>
      <w:r>
        <w:t xml:space="preserve">), </w:t>
      </w:r>
      <w:proofErr w:type="spellStart"/>
      <w:proofErr w:type="gramStart"/>
      <w:r>
        <w:t>random.order</w:t>
      </w:r>
      <w:proofErr w:type="spellEnd"/>
      <w:proofErr w:type="gramEnd"/>
      <w:r>
        <w:t>=FALSE)</w:t>
      </w:r>
    </w:p>
    <w:p w14:paraId="7EFAFB48" w14:textId="77777777" w:rsidR="000A385F" w:rsidRDefault="000A385F" w:rsidP="000A385F"/>
    <w:p w14:paraId="7D86FB14" w14:textId="77777777" w:rsidR="000A385F" w:rsidRDefault="000A385F" w:rsidP="000A385F">
      <w:r>
        <w:t xml:space="preserve"># In the above word cloud, adjust the frequency level with </w:t>
      </w:r>
      <w:proofErr w:type="spellStart"/>
      <w:proofErr w:type="gramStart"/>
      <w:r>
        <w:t>min.freq</w:t>
      </w:r>
      <w:proofErr w:type="spellEnd"/>
      <w:proofErr w:type="gramEnd"/>
      <w:r>
        <w:t xml:space="preserve"> parameter set at 5 </w:t>
      </w:r>
    </w:p>
    <w:p w14:paraId="3E5B2D45" w14:textId="77777777" w:rsidR="000A385F" w:rsidRDefault="000A385F" w:rsidP="000A385F">
      <w:proofErr w:type="spellStart"/>
      <w:r>
        <w:t>wordcloud</w:t>
      </w:r>
      <w:proofErr w:type="spellEnd"/>
      <w:r>
        <w:t>(</w:t>
      </w:r>
      <w:proofErr w:type="spellStart"/>
      <w:r>
        <w:t>colnames</w:t>
      </w:r>
      <w:proofErr w:type="spellEnd"/>
      <w:r>
        <w:t>(</w:t>
      </w:r>
      <w:proofErr w:type="spellStart"/>
      <w:r>
        <w:t>alldescription</w:t>
      </w:r>
      <w:proofErr w:type="spellEnd"/>
      <w:r>
        <w:t xml:space="preserve">), </w:t>
      </w:r>
      <w:proofErr w:type="spellStart"/>
      <w:r>
        <w:t>colSums</w:t>
      </w:r>
      <w:proofErr w:type="spellEnd"/>
      <w:r>
        <w:t>(</w:t>
      </w:r>
      <w:proofErr w:type="spellStart"/>
      <w:r>
        <w:t>alldescription</w:t>
      </w:r>
      <w:proofErr w:type="spellEnd"/>
      <w:r>
        <w:t xml:space="preserve">), </w:t>
      </w:r>
      <w:proofErr w:type="spellStart"/>
      <w:proofErr w:type="gramStart"/>
      <w:r>
        <w:t>random.order</w:t>
      </w:r>
      <w:proofErr w:type="spellEnd"/>
      <w:proofErr w:type="gramEnd"/>
      <w:r>
        <w:t xml:space="preserve">=FALSE, </w:t>
      </w:r>
      <w:proofErr w:type="spellStart"/>
      <w:r>
        <w:t>min.freq</w:t>
      </w:r>
      <w:proofErr w:type="spellEnd"/>
      <w:r>
        <w:t>=5)</w:t>
      </w:r>
    </w:p>
    <w:p w14:paraId="4AE48569" w14:textId="77777777" w:rsidR="000A385F" w:rsidRDefault="000A385F" w:rsidP="000A385F"/>
    <w:p w14:paraId="3BDEE2B7" w14:textId="77777777" w:rsidR="000A385F" w:rsidRDefault="000A385F" w:rsidP="000A385F"/>
    <w:p w14:paraId="70AC4A96" w14:textId="77777777" w:rsidR="000A385F" w:rsidRDefault="000A385F" w:rsidP="000A385F">
      <w:r>
        <w:lastRenderedPageBreak/>
        <w:t xml:space="preserve">##### Creating Word Cloud for </w:t>
      </w:r>
      <w:proofErr w:type="spellStart"/>
      <w:r>
        <w:t>Soldipads</w:t>
      </w:r>
      <w:proofErr w:type="spellEnd"/>
      <w:r>
        <w:t xml:space="preserve"> ####</w:t>
      </w:r>
    </w:p>
    <w:p w14:paraId="1CB660F8" w14:textId="77777777" w:rsidR="000A385F" w:rsidRDefault="000A385F" w:rsidP="000A385F">
      <w:r>
        <w:t>#</w:t>
      </w:r>
      <w:proofErr w:type="spellStart"/>
      <w:r>
        <w:t>craete</w:t>
      </w:r>
      <w:proofErr w:type="spellEnd"/>
      <w:r>
        <w:t xml:space="preserve"> a new </w:t>
      </w:r>
      <w:proofErr w:type="spellStart"/>
      <w:r>
        <w:t>dataframe</w:t>
      </w:r>
      <w:proofErr w:type="spellEnd"/>
      <w:r>
        <w:t xml:space="preserve"> from the original data 'p' which only includes those observations where the </w:t>
      </w:r>
      <w:proofErr w:type="spellStart"/>
      <w:r>
        <w:t>ipad</w:t>
      </w:r>
      <w:proofErr w:type="spellEnd"/>
      <w:r>
        <w:t xml:space="preserve"> was not sold</w:t>
      </w:r>
    </w:p>
    <w:p w14:paraId="1BB2C2F8" w14:textId="77777777" w:rsidR="000A385F" w:rsidRDefault="000A385F" w:rsidP="000A385F">
      <w:proofErr w:type="spellStart"/>
      <w:r>
        <w:t>notsoldipads</w:t>
      </w:r>
      <w:proofErr w:type="spellEnd"/>
      <w:r>
        <w:t xml:space="preserve"> = </w:t>
      </w:r>
      <w:proofErr w:type="gramStart"/>
      <w:r>
        <w:t>subset(</w:t>
      </w:r>
      <w:proofErr w:type="gramEnd"/>
      <w:r>
        <w:t>p, sold == 0)</w:t>
      </w:r>
    </w:p>
    <w:p w14:paraId="33EE5267" w14:textId="77777777" w:rsidR="000A385F" w:rsidRDefault="000A385F" w:rsidP="000A385F"/>
    <w:p w14:paraId="58DBF6A2" w14:textId="77777777" w:rsidR="000A385F" w:rsidRDefault="000A385F" w:rsidP="000A385F">
      <w:r>
        <w:t xml:space="preserve">#Run the </w:t>
      </w:r>
      <w:proofErr w:type="spellStart"/>
      <w:r>
        <w:t>follwoing</w:t>
      </w:r>
      <w:proofErr w:type="spellEnd"/>
      <w:r>
        <w:t xml:space="preserve"> commands in your R Studio </w:t>
      </w:r>
    </w:p>
    <w:p w14:paraId="09918E0E" w14:textId="77777777" w:rsidR="000A385F" w:rsidRDefault="000A385F" w:rsidP="000A385F"/>
    <w:p w14:paraId="30036376" w14:textId="77777777" w:rsidR="000A385F" w:rsidRDefault="000A385F" w:rsidP="000A385F">
      <w:r>
        <w:t>#extracting relevant negative tweets as character</w:t>
      </w:r>
    </w:p>
    <w:p w14:paraId="0D0B7E70" w14:textId="77777777" w:rsidR="000A385F" w:rsidRDefault="000A385F" w:rsidP="000A385F">
      <w:r>
        <w:t xml:space="preserve">n1 = </w:t>
      </w:r>
      <w:proofErr w:type="spellStart"/>
      <w:proofErr w:type="gramStart"/>
      <w:r>
        <w:t>as.character</w:t>
      </w:r>
      <w:proofErr w:type="spellEnd"/>
      <w:proofErr w:type="gramEnd"/>
      <w:r>
        <w:t>(</w:t>
      </w:r>
      <w:proofErr w:type="spellStart"/>
      <w:r>
        <w:t>notsoldipads$description</w:t>
      </w:r>
      <w:proofErr w:type="spellEnd"/>
      <w:r>
        <w:t>)</w:t>
      </w:r>
    </w:p>
    <w:p w14:paraId="0CFE36A1" w14:textId="77777777" w:rsidR="000A385F" w:rsidRDefault="000A385F" w:rsidP="000A385F">
      <w:r>
        <w:t>#Set the seed to 100 for code reproducibility</w:t>
      </w:r>
    </w:p>
    <w:p w14:paraId="0F826AD9" w14:textId="77777777" w:rsidR="000A385F" w:rsidRDefault="000A385F" w:rsidP="000A385F">
      <w:proofErr w:type="spellStart"/>
      <w:proofErr w:type="gramStart"/>
      <w:r>
        <w:t>set.seed</w:t>
      </w:r>
      <w:proofErr w:type="spellEnd"/>
      <w:proofErr w:type="gramEnd"/>
      <w:r>
        <w:t>(100)</w:t>
      </w:r>
    </w:p>
    <w:p w14:paraId="1949CEB1" w14:textId="77777777" w:rsidR="000A385F" w:rsidRDefault="000A385F" w:rsidP="000A385F">
      <w:r>
        <w:t>#sample</w:t>
      </w:r>
    </w:p>
    <w:p w14:paraId="3F8B1732" w14:textId="77777777" w:rsidR="000A385F" w:rsidRDefault="000A385F" w:rsidP="000A385F">
      <w:r>
        <w:t xml:space="preserve">sample2 = </w:t>
      </w:r>
      <w:proofErr w:type="gramStart"/>
      <w:r>
        <w:t>sample(</w:t>
      </w:r>
      <w:proofErr w:type="gramEnd"/>
      <w:r>
        <w:t>n1, (length(n1)))</w:t>
      </w:r>
    </w:p>
    <w:p w14:paraId="5605AA29" w14:textId="77777777" w:rsidR="000A385F" w:rsidRDefault="000A385F" w:rsidP="000A385F"/>
    <w:p w14:paraId="325DCE4C" w14:textId="77777777" w:rsidR="000A385F" w:rsidRDefault="000A385F" w:rsidP="000A385F"/>
    <w:p w14:paraId="53C0068F" w14:textId="77777777" w:rsidR="000A385F" w:rsidRDefault="000A385F" w:rsidP="000A385F">
      <w:r>
        <w:t>#Bag of Words - Run the above codes</w:t>
      </w:r>
    </w:p>
    <w:p w14:paraId="08C88AB2" w14:textId="77777777" w:rsidR="000A385F" w:rsidRDefault="000A385F" w:rsidP="000A385F">
      <w:r>
        <w:t xml:space="preserve">#1 </w:t>
      </w:r>
      <w:proofErr w:type="gramStart"/>
      <w:r>
        <w:t>-  Create</w:t>
      </w:r>
      <w:proofErr w:type="gramEnd"/>
      <w:r>
        <w:t xml:space="preserve"> a Corpus</w:t>
      </w:r>
    </w:p>
    <w:p w14:paraId="107D93FA" w14:textId="77777777" w:rsidR="000A385F" w:rsidRDefault="000A385F" w:rsidP="000A385F">
      <w:r>
        <w:t xml:space="preserve">#2 </w:t>
      </w:r>
      <w:proofErr w:type="gramStart"/>
      <w:r>
        <w:t>-  Remove</w:t>
      </w:r>
      <w:proofErr w:type="gramEnd"/>
      <w:r>
        <w:t xml:space="preserve"> punctuations</w:t>
      </w:r>
    </w:p>
    <w:p w14:paraId="3CA291F9" w14:textId="77777777" w:rsidR="000A385F" w:rsidRDefault="000A385F" w:rsidP="000A385F">
      <w:r>
        <w:t xml:space="preserve">#3 </w:t>
      </w:r>
      <w:proofErr w:type="gramStart"/>
      <w:r>
        <w:t>-  Convert</w:t>
      </w:r>
      <w:proofErr w:type="gramEnd"/>
      <w:r>
        <w:t xml:space="preserve"> to lowercase</w:t>
      </w:r>
    </w:p>
    <w:p w14:paraId="43C6C11E" w14:textId="77777777" w:rsidR="000A385F" w:rsidRDefault="000A385F" w:rsidP="000A385F">
      <w:r>
        <w:t xml:space="preserve">#4 </w:t>
      </w:r>
      <w:proofErr w:type="gramStart"/>
      <w:r>
        <w:t>-  Remove</w:t>
      </w:r>
      <w:proofErr w:type="gramEnd"/>
      <w:r>
        <w:t xml:space="preserve"> Numbers</w:t>
      </w:r>
    </w:p>
    <w:p w14:paraId="3AEB7690" w14:textId="77777777" w:rsidR="000A385F" w:rsidRDefault="000A385F" w:rsidP="000A385F">
      <w:r>
        <w:t xml:space="preserve">#5 </w:t>
      </w:r>
      <w:proofErr w:type="gramStart"/>
      <w:r>
        <w:t>-  Remove</w:t>
      </w:r>
      <w:proofErr w:type="gramEnd"/>
      <w:r>
        <w:t xml:space="preserve"> whitespaces</w:t>
      </w:r>
    </w:p>
    <w:p w14:paraId="763043E8" w14:textId="77777777" w:rsidR="000A385F" w:rsidRDefault="000A385F" w:rsidP="000A385F">
      <w:r>
        <w:t xml:space="preserve">#6 </w:t>
      </w:r>
      <w:proofErr w:type="gramStart"/>
      <w:r>
        <w:t>-  Remove</w:t>
      </w:r>
      <w:proofErr w:type="gramEnd"/>
      <w:r>
        <w:t xml:space="preserve"> </w:t>
      </w:r>
      <w:proofErr w:type="spellStart"/>
      <w:r>
        <w:t>stopwords</w:t>
      </w:r>
      <w:proofErr w:type="spellEnd"/>
    </w:p>
    <w:p w14:paraId="34AA1411" w14:textId="77777777" w:rsidR="000A385F" w:rsidRDefault="000A385F" w:rsidP="000A385F">
      <w:r>
        <w:t xml:space="preserve">#7 </w:t>
      </w:r>
      <w:proofErr w:type="gramStart"/>
      <w:r>
        <w:t>-  Perform</w:t>
      </w:r>
      <w:proofErr w:type="gramEnd"/>
      <w:r>
        <w:t xml:space="preserve"> Stemming</w:t>
      </w:r>
    </w:p>
    <w:p w14:paraId="7BD0A285" w14:textId="77777777" w:rsidR="000A385F" w:rsidRDefault="000A385F" w:rsidP="000A385F">
      <w:r>
        <w:t xml:space="preserve">corpus2 = </w:t>
      </w:r>
      <w:proofErr w:type="gramStart"/>
      <w:r>
        <w:t>Corpus(</w:t>
      </w:r>
      <w:proofErr w:type="spellStart"/>
      <w:proofErr w:type="gramEnd"/>
      <w:r>
        <w:t>VectorSource</w:t>
      </w:r>
      <w:proofErr w:type="spellEnd"/>
      <w:r>
        <w:t>(list(sample2)))</w:t>
      </w:r>
    </w:p>
    <w:p w14:paraId="0DF7BA10" w14:textId="77777777" w:rsidR="000A385F" w:rsidRDefault="000A385F" w:rsidP="000A385F">
      <w:r>
        <w:t xml:space="preserve">corpus2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2, </w:t>
      </w:r>
      <w:proofErr w:type="spellStart"/>
      <w:r>
        <w:t>removePunctuation</w:t>
      </w:r>
      <w:proofErr w:type="spellEnd"/>
      <w:r>
        <w:t>)</w:t>
      </w:r>
    </w:p>
    <w:p w14:paraId="73A9A118" w14:textId="77777777" w:rsidR="000A385F" w:rsidRDefault="000A385F" w:rsidP="000A385F">
      <w:r>
        <w:t xml:space="preserve">corpus2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2, </w:t>
      </w:r>
      <w:proofErr w:type="spellStart"/>
      <w:r>
        <w:t>content_transformer</w:t>
      </w:r>
      <w:proofErr w:type="spellEnd"/>
      <w:r>
        <w:t>(</w:t>
      </w:r>
      <w:proofErr w:type="spellStart"/>
      <w:r>
        <w:t>tolower</w:t>
      </w:r>
      <w:proofErr w:type="spellEnd"/>
      <w:r>
        <w:t>))</w:t>
      </w:r>
    </w:p>
    <w:p w14:paraId="4D961924" w14:textId="77777777" w:rsidR="000A385F" w:rsidRDefault="000A385F" w:rsidP="000A385F">
      <w:r>
        <w:t xml:space="preserve">corpus2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2, </w:t>
      </w:r>
      <w:proofErr w:type="spellStart"/>
      <w:r>
        <w:t>removeNumbers</w:t>
      </w:r>
      <w:proofErr w:type="spellEnd"/>
      <w:r>
        <w:t>)</w:t>
      </w:r>
    </w:p>
    <w:p w14:paraId="124F6B00" w14:textId="77777777" w:rsidR="000A385F" w:rsidRDefault="000A385F" w:rsidP="000A385F">
      <w:r>
        <w:t xml:space="preserve">corpus2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2, </w:t>
      </w:r>
      <w:proofErr w:type="spellStart"/>
      <w:r>
        <w:t>stripWhitespace</w:t>
      </w:r>
      <w:proofErr w:type="spellEnd"/>
      <w:r>
        <w:t>)</w:t>
      </w:r>
    </w:p>
    <w:p w14:paraId="0BC88837" w14:textId="77777777" w:rsidR="000A385F" w:rsidRDefault="000A385F" w:rsidP="000A385F">
      <w:r>
        <w:t xml:space="preserve">corpus2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2, </w:t>
      </w:r>
      <w:proofErr w:type="spellStart"/>
      <w:r>
        <w:t>removeWords</w:t>
      </w:r>
      <w:proofErr w:type="spellEnd"/>
      <w:r>
        <w:t xml:space="preserve">, </w:t>
      </w:r>
      <w:proofErr w:type="spellStart"/>
      <w:r>
        <w:t>stopwords</w:t>
      </w:r>
      <w:proofErr w:type="spellEnd"/>
      <w:r>
        <w:t>('</w:t>
      </w:r>
      <w:proofErr w:type="spellStart"/>
      <w:r>
        <w:t>english</w:t>
      </w:r>
      <w:proofErr w:type="spellEnd"/>
      <w:r>
        <w:t>'))</w:t>
      </w:r>
    </w:p>
    <w:p w14:paraId="271E55B6" w14:textId="77777777" w:rsidR="000A385F" w:rsidRDefault="000A385F" w:rsidP="000A385F">
      <w:r>
        <w:lastRenderedPageBreak/>
        <w:t xml:space="preserve">corpus2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2, </w:t>
      </w:r>
      <w:proofErr w:type="spellStart"/>
      <w:r>
        <w:t>stemDocument</w:t>
      </w:r>
      <w:proofErr w:type="spellEnd"/>
      <w:r>
        <w:t>)</w:t>
      </w:r>
    </w:p>
    <w:p w14:paraId="51CAF5A4" w14:textId="77777777" w:rsidR="000A385F" w:rsidRDefault="000A385F" w:rsidP="000A385F"/>
    <w:p w14:paraId="723E7C34" w14:textId="77777777" w:rsidR="000A385F" w:rsidRDefault="000A385F" w:rsidP="000A385F">
      <w:r>
        <w:t>#</w:t>
      </w:r>
      <w:proofErr w:type="spellStart"/>
      <w:r>
        <w:t>creat</w:t>
      </w:r>
      <w:proofErr w:type="spellEnd"/>
      <w:r>
        <w:t xml:space="preserve"> a document term matrix from the resultant corpus</w:t>
      </w:r>
    </w:p>
    <w:p w14:paraId="622FB8BF" w14:textId="77777777" w:rsidR="000A385F" w:rsidRDefault="000A385F" w:rsidP="000A385F">
      <w:r>
        <w:t xml:space="preserve">frequencies2 = </w:t>
      </w:r>
      <w:proofErr w:type="spellStart"/>
      <w:r>
        <w:t>DocumentTermMatrix</w:t>
      </w:r>
      <w:proofErr w:type="spellEnd"/>
      <w:r>
        <w:t>(corpus2)</w:t>
      </w:r>
    </w:p>
    <w:p w14:paraId="5BCF59EB" w14:textId="77777777" w:rsidR="000A385F" w:rsidRDefault="000A385F" w:rsidP="000A385F">
      <w:r>
        <w:t># now create the data frame from the output of the above line</w:t>
      </w:r>
    </w:p>
    <w:p w14:paraId="3CB960BE" w14:textId="77777777" w:rsidR="000A385F" w:rsidRDefault="000A385F" w:rsidP="000A385F">
      <w:proofErr w:type="spellStart"/>
      <w:r>
        <w:t>notsold</w:t>
      </w:r>
      <w:proofErr w:type="spellEnd"/>
      <w:r>
        <w:t xml:space="preserve"> = </w:t>
      </w:r>
      <w:proofErr w:type="spellStart"/>
      <w:r>
        <w:t>as.</w:t>
      </w:r>
      <w:proofErr w:type="gramStart"/>
      <w:r>
        <w:t>data.frame</w:t>
      </w:r>
      <w:proofErr w:type="spellEnd"/>
      <w:proofErr w:type="gramEnd"/>
      <w:r>
        <w:t>(</w:t>
      </w:r>
      <w:proofErr w:type="spellStart"/>
      <w:r>
        <w:t>as.matrix</w:t>
      </w:r>
      <w:proofErr w:type="spellEnd"/>
      <w:r>
        <w:t>(frequencies2))</w:t>
      </w:r>
    </w:p>
    <w:p w14:paraId="2EC120BB" w14:textId="77777777" w:rsidR="000A385F" w:rsidRDefault="000A385F" w:rsidP="000A385F"/>
    <w:p w14:paraId="42117941" w14:textId="77777777" w:rsidR="000A385F" w:rsidRDefault="000A385F" w:rsidP="000A385F">
      <w:r>
        <w:t xml:space="preserve"># Create </w:t>
      </w:r>
      <w:proofErr w:type="gramStart"/>
      <w:r>
        <w:t>three word</w:t>
      </w:r>
      <w:proofErr w:type="gramEnd"/>
      <w:r>
        <w:t xml:space="preserve"> clouds using the following three instructions</w:t>
      </w:r>
    </w:p>
    <w:p w14:paraId="33658BDB" w14:textId="77777777" w:rsidR="000A385F" w:rsidRDefault="000A385F" w:rsidP="000A385F">
      <w:r>
        <w:t xml:space="preserve"># </w:t>
      </w:r>
      <w:proofErr w:type="spellStart"/>
      <w:r>
        <w:t>WordCloud</w:t>
      </w:r>
      <w:proofErr w:type="spellEnd"/>
      <w:r>
        <w:t xml:space="preserve"> </w:t>
      </w:r>
      <w:proofErr w:type="gramStart"/>
      <w:r>
        <w:t>1  -</w:t>
      </w:r>
      <w:proofErr w:type="gramEnd"/>
      <w:r>
        <w:t xml:space="preserve">  Create a word cloud and set </w:t>
      </w:r>
      <w:proofErr w:type="spellStart"/>
      <w:r>
        <w:t>random.order</w:t>
      </w:r>
      <w:proofErr w:type="spellEnd"/>
      <w:r>
        <w:t xml:space="preserve"> = TRUE. </w:t>
      </w:r>
    </w:p>
    <w:p w14:paraId="59B310D9" w14:textId="77777777" w:rsidR="000A385F" w:rsidRDefault="000A385F" w:rsidP="000A385F">
      <w:r>
        <w:t xml:space="preserve"># </w:t>
      </w:r>
      <w:proofErr w:type="spellStart"/>
      <w:r>
        <w:t>WordCloud</w:t>
      </w:r>
      <w:proofErr w:type="spellEnd"/>
      <w:r>
        <w:t xml:space="preserve"> </w:t>
      </w:r>
      <w:proofErr w:type="gramStart"/>
      <w:r>
        <w:t>2  -</w:t>
      </w:r>
      <w:proofErr w:type="gramEnd"/>
      <w:r>
        <w:t xml:space="preserve">  Create a word cloud and set </w:t>
      </w:r>
      <w:proofErr w:type="spellStart"/>
      <w:r>
        <w:t>random.order</w:t>
      </w:r>
      <w:proofErr w:type="spellEnd"/>
      <w:r>
        <w:t xml:space="preserve"> = FALSE</w:t>
      </w:r>
    </w:p>
    <w:p w14:paraId="459A28D4" w14:textId="77777777" w:rsidR="000A385F" w:rsidRDefault="000A385F" w:rsidP="000A385F">
      <w:r>
        <w:t xml:space="preserve"># </w:t>
      </w:r>
      <w:proofErr w:type="spellStart"/>
      <w:r>
        <w:t>WordCloud</w:t>
      </w:r>
      <w:proofErr w:type="spellEnd"/>
      <w:r>
        <w:t xml:space="preserve"> </w:t>
      </w:r>
      <w:proofErr w:type="gramStart"/>
      <w:r>
        <w:t>3  -</w:t>
      </w:r>
      <w:proofErr w:type="gramEnd"/>
      <w:r>
        <w:t xml:space="preserve">  In the above word cloud, adjust the frequency level with </w:t>
      </w:r>
      <w:proofErr w:type="spellStart"/>
      <w:r>
        <w:t>min.freq</w:t>
      </w:r>
      <w:proofErr w:type="spellEnd"/>
      <w:r>
        <w:t xml:space="preserve"> parameter set at 5 </w:t>
      </w:r>
    </w:p>
    <w:p w14:paraId="461D183E" w14:textId="77777777" w:rsidR="000A385F" w:rsidRDefault="000A385F" w:rsidP="000A385F"/>
    <w:p w14:paraId="6537EA72" w14:textId="77777777" w:rsidR="000A385F" w:rsidRDefault="000A385F" w:rsidP="000A385F">
      <w:proofErr w:type="spellStart"/>
      <w:r>
        <w:t>wordcloud</w:t>
      </w:r>
      <w:proofErr w:type="spellEnd"/>
      <w:r>
        <w:t>(</w:t>
      </w:r>
      <w:proofErr w:type="spellStart"/>
      <w:r>
        <w:t>colnames</w:t>
      </w:r>
      <w:proofErr w:type="spellEnd"/>
      <w:r>
        <w:t>(</w:t>
      </w:r>
      <w:proofErr w:type="spellStart"/>
      <w:r>
        <w:t>notsold</w:t>
      </w:r>
      <w:proofErr w:type="spellEnd"/>
      <w:r>
        <w:t xml:space="preserve">), </w:t>
      </w:r>
      <w:proofErr w:type="spellStart"/>
      <w:r>
        <w:t>colSums</w:t>
      </w:r>
      <w:proofErr w:type="spellEnd"/>
      <w:r>
        <w:t>(</w:t>
      </w:r>
      <w:proofErr w:type="spellStart"/>
      <w:r>
        <w:t>notsold</w:t>
      </w:r>
      <w:proofErr w:type="spellEnd"/>
      <w:r>
        <w:t xml:space="preserve">), </w:t>
      </w:r>
      <w:proofErr w:type="spellStart"/>
      <w:proofErr w:type="gramStart"/>
      <w:r>
        <w:t>random.order</w:t>
      </w:r>
      <w:proofErr w:type="spellEnd"/>
      <w:proofErr w:type="gramEnd"/>
      <w:r>
        <w:t>=TRUE)</w:t>
      </w:r>
    </w:p>
    <w:p w14:paraId="2D2A1525" w14:textId="77777777" w:rsidR="000A385F" w:rsidRDefault="000A385F" w:rsidP="000A385F">
      <w:proofErr w:type="spellStart"/>
      <w:r>
        <w:t>wordcloud</w:t>
      </w:r>
      <w:proofErr w:type="spellEnd"/>
      <w:r>
        <w:t>(</w:t>
      </w:r>
      <w:proofErr w:type="spellStart"/>
      <w:r>
        <w:t>colnames</w:t>
      </w:r>
      <w:proofErr w:type="spellEnd"/>
      <w:r>
        <w:t>(</w:t>
      </w:r>
      <w:proofErr w:type="spellStart"/>
      <w:r>
        <w:t>notsold</w:t>
      </w:r>
      <w:proofErr w:type="spellEnd"/>
      <w:r>
        <w:t xml:space="preserve">), </w:t>
      </w:r>
      <w:proofErr w:type="spellStart"/>
      <w:r>
        <w:t>colSums</w:t>
      </w:r>
      <w:proofErr w:type="spellEnd"/>
      <w:r>
        <w:t>(</w:t>
      </w:r>
      <w:proofErr w:type="spellStart"/>
      <w:r>
        <w:t>notsold</w:t>
      </w:r>
      <w:proofErr w:type="spellEnd"/>
      <w:r>
        <w:t xml:space="preserve">), </w:t>
      </w:r>
      <w:proofErr w:type="spellStart"/>
      <w:proofErr w:type="gramStart"/>
      <w:r>
        <w:t>random.order</w:t>
      </w:r>
      <w:proofErr w:type="spellEnd"/>
      <w:proofErr w:type="gramEnd"/>
      <w:r>
        <w:t>=FALSE)</w:t>
      </w:r>
    </w:p>
    <w:p w14:paraId="4279FE57" w14:textId="77777777" w:rsidR="000A385F" w:rsidRDefault="000A385F" w:rsidP="000A385F">
      <w:proofErr w:type="spellStart"/>
      <w:r>
        <w:t>wordcloud</w:t>
      </w:r>
      <w:proofErr w:type="spellEnd"/>
      <w:r>
        <w:t>(</w:t>
      </w:r>
      <w:proofErr w:type="spellStart"/>
      <w:r>
        <w:t>colnames</w:t>
      </w:r>
      <w:proofErr w:type="spellEnd"/>
      <w:r>
        <w:t>(</w:t>
      </w:r>
      <w:proofErr w:type="spellStart"/>
      <w:r>
        <w:t>notsold</w:t>
      </w:r>
      <w:proofErr w:type="spellEnd"/>
      <w:r>
        <w:t xml:space="preserve">), </w:t>
      </w:r>
      <w:proofErr w:type="spellStart"/>
      <w:r>
        <w:t>colSums</w:t>
      </w:r>
      <w:proofErr w:type="spellEnd"/>
      <w:r>
        <w:t>(</w:t>
      </w:r>
      <w:proofErr w:type="spellStart"/>
      <w:r>
        <w:t>notsold</w:t>
      </w:r>
      <w:proofErr w:type="spellEnd"/>
      <w:r>
        <w:t xml:space="preserve">), </w:t>
      </w:r>
      <w:proofErr w:type="spellStart"/>
      <w:proofErr w:type="gramStart"/>
      <w:r>
        <w:t>random.order</w:t>
      </w:r>
      <w:proofErr w:type="spellEnd"/>
      <w:proofErr w:type="gramEnd"/>
      <w:r>
        <w:t xml:space="preserve">=FALSE, </w:t>
      </w:r>
      <w:proofErr w:type="spellStart"/>
      <w:r>
        <w:t>min.freq</w:t>
      </w:r>
      <w:proofErr w:type="spellEnd"/>
      <w:r>
        <w:t>=5)</w:t>
      </w:r>
    </w:p>
    <w:p w14:paraId="5D1F1789" w14:textId="77777777" w:rsidR="000A385F" w:rsidRDefault="000A385F" w:rsidP="000A385F"/>
    <w:p w14:paraId="0CD6CB00" w14:textId="77777777" w:rsidR="000A385F" w:rsidRDefault="000A385F" w:rsidP="000A385F">
      <w:r>
        <w:t xml:space="preserve">##### Creating Word Cloud for sold </w:t>
      </w:r>
      <w:proofErr w:type="spellStart"/>
      <w:r>
        <w:t>ipads</w:t>
      </w:r>
      <w:proofErr w:type="spellEnd"/>
      <w:r>
        <w:t xml:space="preserve"> ####</w:t>
      </w:r>
    </w:p>
    <w:p w14:paraId="27366584" w14:textId="77777777" w:rsidR="000A385F" w:rsidRDefault="000A385F" w:rsidP="000A385F">
      <w:r>
        <w:t>#</w:t>
      </w:r>
      <w:proofErr w:type="spellStart"/>
      <w:r>
        <w:t>craete</w:t>
      </w:r>
      <w:proofErr w:type="spellEnd"/>
      <w:r>
        <w:t xml:space="preserve"> a new </w:t>
      </w:r>
      <w:proofErr w:type="spellStart"/>
      <w:r>
        <w:t>dataframe</w:t>
      </w:r>
      <w:proofErr w:type="spellEnd"/>
      <w:r>
        <w:t xml:space="preserve"> from the original data 'p' which only includes those observations where the </w:t>
      </w:r>
      <w:proofErr w:type="spellStart"/>
      <w:r>
        <w:t>ipad</w:t>
      </w:r>
      <w:proofErr w:type="spellEnd"/>
      <w:r>
        <w:t xml:space="preserve"> was sold</w:t>
      </w:r>
    </w:p>
    <w:p w14:paraId="6CE13A5D" w14:textId="77777777" w:rsidR="000A385F" w:rsidRDefault="000A385F" w:rsidP="000A385F">
      <w:proofErr w:type="spellStart"/>
      <w:r>
        <w:t>p_sold</w:t>
      </w:r>
      <w:proofErr w:type="spellEnd"/>
      <w:r>
        <w:t xml:space="preserve"> = </w:t>
      </w:r>
      <w:proofErr w:type="gramStart"/>
      <w:r>
        <w:t>subset(</w:t>
      </w:r>
      <w:proofErr w:type="spellStart"/>
      <w:proofErr w:type="gramEnd"/>
      <w:r>
        <w:t>p,sold</w:t>
      </w:r>
      <w:proofErr w:type="spellEnd"/>
      <w:r>
        <w:t xml:space="preserve"> == 1)</w:t>
      </w:r>
    </w:p>
    <w:p w14:paraId="1788F195" w14:textId="77777777" w:rsidR="000A385F" w:rsidRDefault="000A385F" w:rsidP="000A385F"/>
    <w:p w14:paraId="7BA894E7" w14:textId="77777777" w:rsidR="000A385F" w:rsidRDefault="000A385F" w:rsidP="000A385F">
      <w:r>
        <w:t xml:space="preserve">#Now, run the </w:t>
      </w:r>
      <w:proofErr w:type="spellStart"/>
      <w:r>
        <w:t>follwoing</w:t>
      </w:r>
      <w:proofErr w:type="spellEnd"/>
      <w:r>
        <w:t xml:space="preserve"> commands in your R Studio </w:t>
      </w:r>
    </w:p>
    <w:p w14:paraId="0D654F77" w14:textId="77777777" w:rsidR="000A385F" w:rsidRDefault="000A385F" w:rsidP="000A385F">
      <w:r>
        <w:t>#extracting relevant positive tweets</w:t>
      </w:r>
    </w:p>
    <w:p w14:paraId="02A6514A" w14:textId="77777777" w:rsidR="000A385F" w:rsidRDefault="000A385F" w:rsidP="000A385F">
      <w:r>
        <w:t xml:space="preserve">p1 = </w:t>
      </w:r>
      <w:proofErr w:type="spellStart"/>
      <w:proofErr w:type="gramStart"/>
      <w:r>
        <w:t>as.character</w:t>
      </w:r>
      <w:proofErr w:type="spellEnd"/>
      <w:proofErr w:type="gramEnd"/>
      <w:r>
        <w:t>(</w:t>
      </w:r>
      <w:proofErr w:type="spellStart"/>
      <w:r>
        <w:t>p_sold$description</w:t>
      </w:r>
      <w:proofErr w:type="spellEnd"/>
      <w:r>
        <w:t>)</w:t>
      </w:r>
    </w:p>
    <w:p w14:paraId="41893B2E" w14:textId="77777777" w:rsidR="000A385F" w:rsidRDefault="000A385F" w:rsidP="000A385F">
      <w:r>
        <w:t>#Set the seed to 100 for code reproducibility</w:t>
      </w:r>
    </w:p>
    <w:p w14:paraId="48B02F80" w14:textId="77777777" w:rsidR="000A385F" w:rsidRDefault="000A385F" w:rsidP="000A385F">
      <w:proofErr w:type="spellStart"/>
      <w:proofErr w:type="gramStart"/>
      <w:r>
        <w:t>set.seed</w:t>
      </w:r>
      <w:proofErr w:type="spellEnd"/>
      <w:proofErr w:type="gramEnd"/>
      <w:r>
        <w:t>(100)</w:t>
      </w:r>
    </w:p>
    <w:p w14:paraId="2A1B1F89" w14:textId="77777777" w:rsidR="000A385F" w:rsidRDefault="000A385F" w:rsidP="000A385F">
      <w:r>
        <w:t>#sample</w:t>
      </w:r>
    </w:p>
    <w:p w14:paraId="6D95A308" w14:textId="77777777" w:rsidR="000A385F" w:rsidRDefault="000A385F" w:rsidP="000A385F">
      <w:r>
        <w:t xml:space="preserve">sample3 = </w:t>
      </w:r>
      <w:proofErr w:type="gramStart"/>
      <w:r>
        <w:t>sample(</w:t>
      </w:r>
      <w:proofErr w:type="gramEnd"/>
      <w:r>
        <w:t>p1, (length(p1)))</w:t>
      </w:r>
    </w:p>
    <w:p w14:paraId="209C6910" w14:textId="77777777" w:rsidR="000A385F" w:rsidRDefault="000A385F" w:rsidP="000A385F"/>
    <w:p w14:paraId="2B7747BB" w14:textId="77777777" w:rsidR="000A385F" w:rsidRDefault="000A385F" w:rsidP="000A385F"/>
    <w:p w14:paraId="1A079E43" w14:textId="77777777" w:rsidR="000A385F" w:rsidRDefault="000A385F" w:rsidP="000A385F">
      <w:r>
        <w:t>#Bag of Words - Run the above codes</w:t>
      </w:r>
    </w:p>
    <w:p w14:paraId="314F3533" w14:textId="77777777" w:rsidR="000A385F" w:rsidRDefault="000A385F" w:rsidP="000A385F">
      <w:r>
        <w:t xml:space="preserve">#1 </w:t>
      </w:r>
      <w:proofErr w:type="gramStart"/>
      <w:r>
        <w:t>-  Create</w:t>
      </w:r>
      <w:proofErr w:type="gramEnd"/>
      <w:r>
        <w:t xml:space="preserve"> a Corpus</w:t>
      </w:r>
    </w:p>
    <w:p w14:paraId="46B8BC98" w14:textId="77777777" w:rsidR="000A385F" w:rsidRDefault="000A385F" w:rsidP="000A385F">
      <w:r>
        <w:t xml:space="preserve">#2 </w:t>
      </w:r>
      <w:proofErr w:type="gramStart"/>
      <w:r>
        <w:t>-  Remove</w:t>
      </w:r>
      <w:proofErr w:type="gramEnd"/>
      <w:r>
        <w:t xml:space="preserve"> punctuations</w:t>
      </w:r>
    </w:p>
    <w:p w14:paraId="3827EF9B" w14:textId="77777777" w:rsidR="000A385F" w:rsidRDefault="000A385F" w:rsidP="000A385F">
      <w:r>
        <w:t xml:space="preserve">#3 </w:t>
      </w:r>
      <w:proofErr w:type="gramStart"/>
      <w:r>
        <w:t>-  Convert</w:t>
      </w:r>
      <w:proofErr w:type="gramEnd"/>
      <w:r>
        <w:t xml:space="preserve"> to lowercase</w:t>
      </w:r>
    </w:p>
    <w:p w14:paraId="6F1FE5B9" w14:textId="77777777" w:rsidR="000A385F" w:rsidRDefault="000A385F" w:rsidP="000A385F">
      <w:r>
        <w:t xml:space="preserve">#4 </w:t>
      </w:r>
      <w:proofErr w:type="gramStart"/>
      <w:r>
        <w:t>-  Remove</w:t>
      </w:r>
      <w:proofErr w:type="gramEnd"/>
      <w:r>
        <w:t xml:space="preserve"> Numbers</w:t>
      </w:r>
    </w:p>
    <w:p w14:paraId="35BCD0EF" w14:textId="77777777" w:rsidR="000A385F" w:rsidRDefault="000A385F" w:rsidP="000A385F">
      <w:r>
        <w:t xml:space="preserve">#5 </w:t>
      </w:r>
      <w:proofErr w:type="gramStart"/>
      <w:r>
        <w:t>-  Remove</w:t>
      </w:r>
      <w:proofErr w:type="gramEnd"/>
      <w:r>
        <w:t xml:space="preserve"> whitespaces</w:t>
      </w:r>
    </w:p>
    <w:p w14:paraId="27A83BDD" w14:textId="77777777" w:rsidR="000A385F" w:rsidRDefault="000A385F" w:rsidP="000A385F">
      <w:r>
        <w:t xml:space="preserve">#6 </w:t>
      </w:r>
      <w:proofErr w:type="gramStart"/>
      <w:r>
        <w:t>-  Remove</w:t>
      </w:r>
      <w:proofErr w:type="gramEnd"/>
      <w:r>
        <w:t xml:space="preserve"> </w:t>
      </w:r>
      <w:proofErr w:type="spellStart"/>
      <w:r>
        <w:t>stopwords</w:t>
      </w:r>
      <w:proofErr w:type="spellEnd"/>
    </w:p>
    <w:p w14:paraId="7C0D5B5B" w14:textId="77777777" w:rsidR="000A385F" w:rsidRDefault="000A385F" w:rsidP="000A385F">
      <w:r>
        <w:t xml:space="preserve">#7 </w:t>
      </w:r>
      <w:proofErr w:type="gramStart"/>
      <w:r>
        <w:t>-  Perform</w:t>
      </w:r>
      <w:proofErr w:type="gramEnd"/>
      <w:r>
        <w:t xml:space="preserve"> Stemming </w:t>
      </w:r>
    </w:p>
    <w:p w14:paraId="2776BC9A" w14:textId="77777777" w:rsidR="000A385F" w:rsidRDefault="000A385F" w:rsidP="000A385F">
      <w:r>
        <w:t xml:space="preserve">corpus3 = </w:t>
      </w:r>
      <w:proofErr w:type="gramStart"/>
      <w:r>
        <w:t>Corpus(</w:t>
      </w:r>
      <w:proofErr w:type="spellStart"/>
      <w:proofErr w:type="gramEnd"/>
      <w:r>
        <w:t>VectorSource</w:t>
      </w:r>
      <w:proofErr w:type="spellEnd"/>
      <w:r>
        <w:t>(list(sample3)))</w:t>
      </w:r>
    </w:p>
    <w:p w14:paraId="112E343E" w14:textId="77777777" w:rsidR="000A385F" w:rsidRDefault="000A385F" w:rsidP="000A385F">
      <w:r>
        <w:t xml:space="preserve">corpus3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3, </w:t>
      </w:r>
      <w:proofErr w:type="spellStart"/>
      <w:r>
        <w:t>removePunctuation</w:t>
      </w:r>
      <w:proofErr w:type="spellEnd"/>
      <w:r>
        <w:t>)</w:t>
      </w:r>
    </w:p>
    <w:p w14:paraId="3496EF43" w14:textId="77777777" w:rsidR="000A385F" w:rsidRDefault="000A385F" w:rsidP="000A385F">
      <w:r>
        <w:t xml:space="preserve">corpus3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3, </w:t>
      </w:r>
      <w:proofErr w:type="spellStart"/>
      <w:r>
        <w:t>content_transformer</w:t>
      </w:r>
      <w:proofErr w:type="spellEnd"/>
      <w:r>
        <w:t>(</w:t>
      </w:r>
      <w:proofErr w:type="spellStart"/>
      <w:r>
        <w:t>tolower</w:t>
      </w:r>
      <w:proofErr w:type="spellEnd"/>
      <w:r>
        <w:t>))</w:t>
      </w:r>
    </w:p>
    <w:p w14:paraId="1D65B4C9" w14:textId="77777777" w:rsidR="000A385F" w:rsidRDefault="000A385F" w:rsidP="000A385F">
      <w:r>
        <w:t xml:space="preserve">corpus3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3, </w:t>
      </w:r>
      <w:proofErr w:type="spellStart"/>
      <w:r>
        <w:t>removeNumbers</w:t>
      </w:r>
      <w:proofErr w:type="spellEnd"/>
      <w:r>
        <w:t>)</w:t>
      </w:r>
    </w:p>
    <w:p w14:paraId="61D53585" w14:textId="77777777" w:rsidR="000A385F" w:rsidRDefault="000A385F" w:rsidP="000A385F">
      <w:r>
        <w:t xml:space="preserve">corpus3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3, </w:t>
      </w:r>
      <w:proofErr w:type="spellStart"/>
      <w:r>
        <w:t>stripWhitespace</w:t>
      </w:r>
      <w:proofErr w:type="spellEnd"/>
      <w:r>
        <w:t>)</w:t>
      </w:r>
    </w:p>
    <w:p w14:paraId="4B73197D" w14:textId="77777777" w:rsidR="000A385F" w:rsidRDefault="000A385F" w:rsidP="000A385F">
      <w:r>
        <w:t xml:space="preserve">corpus3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3, </w:t>
      </w:r>
      <w:proofErr w:type="spellStart"/>
      <w:r>
        <w:t>removeWords</w:t>
      </w:r>
      <w:proofErr w:type="spellEnd"/>
      <w:r>
        <w:t xml:space="preserve">, </w:t>
      </w:r>
      <w:proofErr w:type="spellStart"/>
      <w:r>
        <w:t>stopwords</w:t>
      </w:r>
      <w:proofErr w:type="spellEnd"/>
      <w:r>
        <w:t>('</w:t>
      </w:r>
      <w:proofErr w:type="spellStart"/>
      <w:r>
        <w:t>english</w:t>
      </w:r>
      <w:proofErr w:type="spellEnd"/>
      <w:r>
        <w:t>'))</w:t>
      </w:r>
    </w:p>
    <w:p w14:paraId="19A5B903" w14:textId="77777777" w:rsidR="000A385F" w:rsidRDefault="000A385F" w:rsidP="000A385F">
      <w:r>
        <w:t xml:space="preserve">corpus3 = </w:t>
      </w:r>
      <w:proofErr w:type="spellStart"/>
      <w:r>
        <w:t>tm_</w:t>
      </w:r>
      <w:proofErr w:type="gramStart"/>
      <w:r>
        <w:t>map</w:t>
      </w:r>
      <w:proofErr w:type="spellEnd"/>
      <w:r>
        <w:t>(</w:t>
      </w:r>
      <w:proofErr w:type="gramEnd"/>
      <w:r>
        <w:t xml:space="preserve">corpus3, </w:t>
      </w:r>
      <w:proofErr w:type="spellStart"/>
      <w:r>
        <w:t>stemDocument</w:t>
      </w:r>
      <w:proofErr w:type="spellEnd"/>
      <w:r>
        <w:t>)</w:t>
      </w:r>
    </w:p>
    <w:p w14:paraId="05B77173" w14:textId="77777777" w:rsidR="000A385F" w:rsidRDefault="000A385F" w:rsidP="000A385F"/>
    <w:p w14:paraId="6987F595" w14:textId="77777777" w:rsidR="000A385F" w:rsidRDefault="000A385F" w:rsidP="000A385F"/>
    <w:p w14:paraId="1FE546CC" w14:textId="77777777" w:rsidR="000A385F" w:rsidRDefault="000A385F" w:rsidP="000A385F">
      <w:r>
        <w:t>#</w:t>
      </w:r>
      <w:proofErr w:type="spellStart"/>
      <w:r>
        <w:t>creat</w:t>
      </w:r>
      <w:proofErr w:type="spellEnd"/>
      <w:r>
        <w:t xml:space="preserve"> a document term matrix from the resultant corpus</w:t>
      </w:r>
    </w:p>
    <w:p w14:paraId="39D9C8A4" w14:textId="77777777" w:rsidR="000A385F" w:rsidRDefault="000A385F" w:rsidP="000A385F">
      <w:r>
        <w:t xml:space="preserve">frequencies3 = </w:t>
      </w:r>
      <w:proofErr w:type="spellStart"/>
      <w:r>
        <w:t>DocumentTermMatrix</w:t>
      </w:r>
      <w:proofErr w:type="spellEnd"/>
      <w:r>
        <w:t>(corpus3)</w:t>
      </w:r>
    </w:p>
    <w:p w14:paraId="72F30ED2" w14:textId="77777777" w:rsidR="000A385F" w:rsidRDefault="000A385F" w:rsidP="000A385F"/>
    <w:p w14:paraId="718C86EC" w14:textId="77777777" w:rsidR="000A385F" w:rsidRDefault="000A385F" w:rsidP="000A385F">
      <w:r>
        <w:t># now create the data frame from the output of the above line</w:t>
      </w:r>
    </w:p>
    <w:p w14:paraId="3720F6A8" w14:textId="77777777" w:rsidR="000A385F" w:rsidRDefault="000A385F" w:rsidP="000A385F">
      <w:proofErr w:type="spellStart"/>
      <w:r>
        <w:t>soldipads</w:t>
      </w:r>
      <w:proofErr w:type="spellEnd"/>
      <w:r>
        <w:t xml:space="preserve"> = </w:t>
      </w:r>
      <w:proofErr w:type="spellStart"/>
      <w:r>
        <w:t>as.</w:t>
      </w:r>
      <w:proofErr w:type="gramStart"/>
      <w:r>
        <w:t>data.frame</w:t>
      </w:r>
      <w:proofErr w:type="spellEnd"/>
      <w:proofErr w:type="gramEnd"/>
      <w:r>
        <w:t>(</w:t>
      </w:r>
      <w:proofErr w:type="spellStart"/>
      <w:r>
        <w:t>as.matrix</w:t>
      </w:r>
      <w:proofErr w:type="spellEnd"/>
      <w:r>
        <w:t>(frequencies3))</w:t>
      </w:r>
    </w:p>
    <w:p w14:paraId="06A36CAB" w14:textId="77777777" w:rsidR="000A385F" w:rsidRDefault="000A385F" w:rsidP="000A385F"/>
    <w:p w14:paraId="468C833C" w14:textId="77777777" w:rsidR="000A385F" w:rsidRDefault="000A385F" w:rsidP="000A385F">
      <w:r>
        <w:t xml:space="preserve"># Create </w:t>
      </w:r>
      <w:proofErr w:type="gramStart"/>
      <w:r>
        <w:t>three word</w:t>
      </w:r>
      <w:proofErr w:type="gramEnd"/>
      <w:r>
        <w:t xml:space="preserve"> clouds using the following three instructions</w:t>
      </w:r>
    </w:p>
    <w:p w14:paraId="17936798" w14:textId="77777777" w:rsidR="000A385F" w:rsidRDefault="000A385F" w:rsidP="000A385F">
      <w:r>
        <w:t xml:space="preserve"># </w:t>
      </w:r>
      <w:proofErr w:type="spellStart"/>
      <w:r>
        <w:t>WordCloud</w:t>
      </w:r>
      <w:proofErr w:type="spellEnd"/>
      <w:r>
        <w:t xml:space="preserve"> </w:t>
      </w:r>
      <w:proofErr w:type="gramStart"/>
      <w:r>
        <w:t>1  -</w:t>
      </w:r>
      <w:proofErr w:type="gramEnd"/>
      <w:r>
        <w:t xml:space="preserve">  Create a word cloud and set </w:t>
      </w:r>
      <w:proofErr w:type="spellStart"/>
      <w:r>
        <w:t>random.order</w:t>
      </w:r>
      <w:proofErr w:type="spellEnd"/>
      <w:r>
        <w:t xml:space="preserve"> = TRUE. </w:t>
      </w:r>
    </w:p>
    <w:p w14:paraId="0CFA010C" w14:textId="77777777" w:rsidR="000A385F" w:rsidRDefault="000A385F" w:rsidP="000A385F">
      <w:r>
        <w:t xml:space="preserve"># </w:t>
      </w:r>
      <w:proofErr w:type="spellStart"/>
      <w:r>
        <w:t>WordCloud</w:t>
      </w:r>
      <w:proofErr w:type="spellEnd"/>
      <w:r>
        <w:t xml:space="preserve"> </w:t>
      </w:r>
      <w:proofErr w:type="gramStart"/>
      <w:r>
        <w:t>2  -</w:t>
      </w:r>
      <w:proofErr w:type="gramEnd"/>
      <w:r>
        <w:t xml:space="preserve">  Create a word cloud and set </w:t>
      </w:r>
      <w:proofErr w:type="spellStart"/>
      <w:r>
        <w:t>random.order</w:t>
      </w:r>
      <w:proofErr w:type="spellEnd"/>
      <w:r>
        <w:t xml:space="preserve"> = FALSE</w:t>
      </w:r>
    </w:p>
    <w:p w14:paraId="6E06E021" w14:textId="77777777" w:rsidR="000A385F" w:rsidRDefault="000A385F" w:rsidP="000A385F">
      <w:r>
        <w:t xml:space="preserve"># </w:t>
      </w:r>
      <w:proofErr w:type="spellStart"/>
      <w:r>
        <w:t>WordCloud</w:t>
      </w:r>
      <w:proofErr w:type="spellEnd"/>
      <w:r>
        <w:t xml:space="preserve"> </w:t>
      </w:r>
      <w:proofErr w:type="gramStart"/>
      <w:r>
        <w:t>3  -</w:t>
      </w:r>
      <w:proofErr w:type="gramEnd"/>
      <w:r>
        <w:t xml:space="preserve">  In the above word cloud, adjust the frequency level with </w:t>
      </w:r>
      <w:proofErr w:type="spellStart"/>
      <w:r>
        <w:t>min.freq</w:t>
      </w:r>
      <w:proofErr w:type="spellEnd"/>
      <w:r>
        <w:t xml:space="preserve"> parameter set at 5 </w:t>
      </w:r>
    </w:p>
    <w:p w14:paraId="18D149BA" w14:textId="77777777" w:rsidR="000A385F" w:rsidRDefault="000A385F" w:rsidP="000A385F">
      <w:proofErr w:type="spellStart"/>
      <w:r>
        <w:t>wordcloud</w:t>
      </w:r>
      <w:proofErr w:type="spellEnd"/>
      <w:r>
        <w:t>(</w:t>
      </w:r>
      <w:proofErr w:type="spellStart"/>
      <w:r>
        <w:t>colnames</w:t>
      </w:r>
      <w:proofErr w:type="spellEnd"/>
      <w:r>
        <w:t>(</w:t>
      </w:r>
      <w:proofErr w:type="spellStart"/>
      <w:r>
        <w:t>soldipads</w:t>
      </w:r>
      <w:proofErr w:type="spellEnd"/>
      <w:r>
        <w:t xml:space="preserve">), </w:t>
      </w:r>
      <w:proofErr w:type="spellStart"/>
      <w:r>
        <w:t>colSums</w:t>
      </w:r>
      <w:proofErr w:type="spellEnd"/>
      <w:r>
        <w:t>(</w:t>
      </w:r>
      <w:proofErr w:type="spellStart"/>
      <w:r>
        <w:t>soldipads</w:t>
      </w:r>
      <w:proofErr w:type="spellEnd"/>
      <w:r>
        <w:t xml:space="preserve">), </w:t>
      </w:r>
      <w:proofErr w:type="spellStart"/>
      <w:proofErr w:type="gramStart"/>
      <w:r>
        <w:t>random.order</w:t>
      </w:r>
      <w:proofErr w:type="spellEnd"/>
      <w:proofErr w:type="gramEnd"/>
      <w:r>
        <w:t>=TRUE)</w:t>
      </w:r>
    </w:p>
    <w:p w14:paraId="3006223D" w14:textId="77777777" w:rsidR="000A385F" w:rsidRDefault="000A385F" w:rsidP="000A385F">
      <w:proofErr w:type="spellStart"/>
      <w:r>
        <w:lastRenderedPageBreak/>
        <w:t>wordcloud</w:t>
      </w:r>
      <w:proofErr w:type="spellEnd"/>
      <w:r>
        <w:t>(</w:t>
      </w:r>
      <w:proofErr w:type="spellStart"/>
      <w:r>
        <w:t>colnames</w:t>
      </w:r>
      <w:proofErr w:type="spellEnd"/>
      <w:r>
        <w:t>(</w:t>
      </w:r>
      <w:proofErr w:type="spellStart"/>
      <w:r>
        <w:t>soldipads</w:t>
      </w:r>
      <w:proofErr w:type="spellEnd"/>
      <w:r>
        <w:t xml:space="preserve">), </w:t>
      </w:r>
      <w:proofErr w:type="spellStart"/>
      <w:r>
        <w:t>colSums</w:t>
      </w:r>
      <w:proofErr w:type="spellEnd"/>
      <w:r>
        <w:t>(</w:t>
      </w:r>
      <w:proofErr w:type="spellStart"/>
      <w:r>
        <w:t>soldipads</w:t>
      </w:r>
      <w:proofErr w:type="spellEnd"/>
      <w:r>
        <w:t xml:space="preserve">), </w:t>
      </w:r>
      <w:proofErr w:type="spellStart"/>
      <w:proofErr w:type="gramStart"/>
      <w:r>
        <w:t>random.order</w:t>
      </w:r>
      <w:proofErr w:type="spellEnd"/>
      <w:proofErr w:type="gramEnd"/>
      <w:r>
        <w:t>=FALSE)</w:t>
      </w:r>
    </w:p>
    <w:p w14:paraId="765C4471" w14:textId="77777777" w:rsidR="000A385F" w:rsidRDefault="000A385F" w:rsidP="000A385F">
      <w:proofErr w:type="spellStart"/>
      <w:r>
        <w:t>wordcloud</w:t>
      </w:r>
      <w:proofErr w:type="spellEnd"/>
      <w:r>
        <w:t>(</w:t>
      </w:r>
      <w:proofErr w:type="spellStart"/>
      <w:r>
        <w:t>colnames</w:t>
      </w:r>
      <w:proofErr w:type="spellEnd"/>
      <w:r>
        <w:t>(</w:t>
      </w:r>
      <w:proofErr w:type="spellStart"/>
      <w:r>
        <w:t>soldipads</w:t>
      </w:r>
      <w:proofErr w:type="spellEnd"/>
      <w:r>
        <w:t xml:space="preserve">), </w:t>
      </w:r>
      <w:proofErr w:type="spellStart"/>
      <w:r>
        <w:t>colSums</w:t>
      </w:r>
      <w:proofErr w:type="spellEnd"/>
      <w:r>
        <w:t>(</w:t>
      </w:r>
      <w:proofErr w:type="spellStart"/>
      <w:r>
        <w:t>soldipads</w:t>
      </w:r>
      <w:proofErr w:type="spellEnd"/>
      <w:r>
        <w:t xml:space="preserve">), </w:t>
      </w:r>
      <w:proofErr w:type="spellStart"/>
      <w:proofErr w:type="gramStart"/>
      <w:r>
        <w:t>random.order</w:t>
      </w:r>
      <w:proofErr w:type="spellEnd"/>
      <w:proofErr w:type="gramEnd"/>
      <w:r>
        <w:t xml:space="preserve">=FALSE, </w:t>
      </w:r>
      <w:proofErr w:type="spellStart"/>
      <w:r>
        <w:t>min.freq</w:t>
      </w:r>
      <w:proofErr w:type="spellEnd"/>
      <w:r>
        <w:t>=5)</w:t>
      </w:r>
    </w:p>
    <w:p w14:paraId="4CBA8B6D" w14:textId="77777777" w:rsidR="000A385F" w:rsidRDefault="000A385F" w:rsidP="000A385F"/>
    <w:p w14:paraId="2B83AF7D" w14:textId="77777777" w:rsidR="000A385F" w:rsidRDefault="000A385F" w:rsidP="000A385F"/>
    <w:p w14:paraId="75F00E8C" w14:textId="77777777" w:rsidR="000A385F" w:rsidRDefault="000A385F" w:rsidP="000A385F"/>
    <w:p w14:paraId="156AFD49" w14:textId="77777777" w:rsidR="000A385F" w:rsidRDefault="000A385F" w:rsidP="000A385F">
      <w:r>
        <w:t xml:space="preserve">  </w:t>
      </w:r>
    </w:p>
    <w:p w14:paraId="448386B4" w14:textId="77777777" w:rsidR="000A385F" w:rsidRDefault="000A385F" w:rsidP="000A385F"/>
    <w:p w14:paraId="5D0CDC45" w14:textId="610F1C2D" w:rsidR="00160C28" w:rsidRDefault="00160C28"/>
    <w:p w14:paraId="1BB8CF5B" w14:textId="1BF783D8" w:rsidR="00160C28" w:rsidRDefault="00160C28"/>
    <w:p w14:paraId="0189A846" w14:textId="19093EC1" w:rsidR="00160C28" w:rsidRDefault="00160C28"/>
    <w:p w14:paraId="12B923DF" w14:textId="49DF646C" w:rsidR="00160C28" w:rsidRDefault="00160C28">
      <w:r>
        <w:t>Console:</w:t>
      </w:r>
    </w:p>
    <w:p w14:paraId="1A1C59EE" w14:textId="5EA366D4" w:rsidR="00160C28" w:rsidRDefault="00160C28">
      <w:r>
        <w:t>==========</w:t>
      </w:r>
    </w:p>
    <w:p w14:paraId="516B2466" w14:textId="77777777" w:rsidR="00160C28" w:rsidRDefault="00160C28"/>
    <w:p w14:paraId="16603506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# Load the required libraries </w:t>
      </w:r>
    </w:p>
    <w:p w14:paraId="03DEE41A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library(</w:t>
      </w:r>
      <w:proofErr w:type="spell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readr</w:t>
      </w:r>
      <w:proofErr w:type="spell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)</w:t>
      </w:r>
    </w:p>
    <w:p w14:paraId="18E16069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library(ggplot2)</w:t>
      </w:r>
    </w:p>
    <w:p w14:paraId="193C6102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# Load the dataset 'projectdata.csv' and call it p</w:t>
      </w:r>
    </w:p>
    <w:p w14:paraId="3C623A6E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p = read.csv("C:\\Users\\i340968\\Desktop\\ed-code\\R_programming-elective\\projectdata.csv")</w:t>
      </w:r>
    </w:p>
    <w:p w14:paraId="1F686A5A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# Look at the structure of the dataset</w:t>
      </w:r>
    </w:p>
    <w:p w14:paraId="03C4B0C0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str(p)</w:t>
      </w:r>
    </w:p>
    <w:p w14:paraId="2BBD761D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'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data.frame</w:t>
      </w:r>
      <w:proofErr w:type="spellEnd"/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':</w:t>
      </w: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ab/>
        <w:t>790 obs. of  11 variables:</w:t>
      </w:r>
    </w:p>
    <w:p w14:paraId="1E691180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description: Factor w/ 674 levels "#6428","&amp;#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034;Great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Working Condition&amp;#034;",..: 27 1 2 6 8 11 13 14 15 16 ...</w:t>
      </w:r>
    </w:p>
    <w:p w14:paraId="3FD1229B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biddable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0 0 1 0 0 0 0 0 0 0 ...</w:t>
      </w:r>
    </w:p>
    <w:p w14:paraId="55297C9C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startpric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num  249.99 124.95 0.99 200.29 199.99 ...</w:t>
      </w:r>
    </w:p>
    <w:p w14:paraId="339E4085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condition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5 levels "For parts or not working",..: 5 5 5 4 5 2 4 5 5 4 ...</w:t>
      </w:r>
    </w:p>
    <w:p w14:paraId="591DEB9B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cellular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3 levels "0","1","Unknown": 1 1 2 1 3 2 2 1 1 2 ...</w:t>
      </w:r>
    </w:p>
    <w:p w14:paraId="6BE48979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carrier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7 levels "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AT&amp;T","Non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",..: 2 2 1 2 6 7 7 2 2 1 ...</w:t>
      </w:r>
    </w:p>
    <w:p w14:paraId="397AE3F0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color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5 levels "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Black","Gold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",..: 3 4 5 1 4 1 1 1 5 1 ...</w:t>
      </w:r>
    </w:p>
    <w:p w14:paraId="3A874721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storage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16 16 16 16 16 16 16 16 16 16 ...</w:t>
      </w:r>
    </w:p>
    <w:p w14:paraId="72C087C4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productlin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: Factor w/ 11 levels "iPad 1","iPad 2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",..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: 11 1 8 3 1 7 2 5 2 1 ...</w:t>
      </w:r>
    </w:p>
    <w:p w14:paraId="5F254EAE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sold 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0 0 1 0 0 1 0 0 0 1 ...</w:t>
      </w:r>
    </w:p>
    <w:p w14:paraId="35485961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UniqueID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11001 11207 10657 10949 11305 11514 10665 10877 11849 10068 ...</w:t>
      </w:r>
    </w:p>
    <w:p w14:paraId="3399B4DB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# Change the descript</w:t>
      </w:r>
      <w:bookmarkStart w:id="0" w:name="_GoBack"/>
      <w:bookmarkEnd w:id="0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ion variable from factor to character</w:t>
      </w:r>
    </w:p>
    <w:p w14:paraId="2ABC0E80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spell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p$description</w:t>
      </w:r>
      <w:proofErr w:type="spell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 = 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as.character</w:t>
      </w:r>
      <w:proofErr w:type="spellEnd"/>
      <w:proofErr w:type="gram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(</w:t>
      </w:r>
      <w:proofErr w:type="spell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p$description</w:t>
      </w:r>
      <w:proofErr w:type="spell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)</w:t>
      </w:r>
    </w:p>
    <w:p w14:paraId="0B850F48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# Re-look at the structure of the dataset</w:t>
      </w:r>
    </w:p>
    <w:p w14:paraId="0AA7FB46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str(p)</w:t>
      </w:r>
    </w:p>
    <w:p w14:paraId="695F7628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'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data.frame</w:t>
      </w:r>
      <w:proofErr w:type="spellEnd"/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':</w:t>
      </w: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ab/>
        <w:t>790 obs. of  11 variables:</w:t>
      </w:r>
    </w:p>
    <w:p w14:paraId="0E44D28C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description: 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chr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"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99%" "#6428" "&amp;#034;Great Working Condition&amp;#034;" "*FREE* Same-Day Ship | 90-Day Warranty | 100% Functional, Includes All Major Accessories, Shows " ...</w:t>
      </w:r>
    </w:p>
    <w:p w14:paraId="014DFB90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biddable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0 0 1 0 0 0 0 0 0 0 ...</w:t>
      </w:r>
    </w:p>
    <w:p w14:paraId="27B8675B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startpric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num  249.99 124.95 0.99 200.29 199.99 ...</w:t>
      </w:r>
    </w:p>
    <w:p w14:paraId="6861CFB2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lastRenderedPageBreak/>
        <w:t xml:space="preserve"> $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condition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5 levels "For parts or not working",..: 5 5 5 4 5 2 4 5 5 4 ...</w:t>
      </w:r>
    </w:p>
    <w:p w14:paraId="0B69C981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cellular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3 levels "0","1","Unknown": 1 1 2 1 3 2 2 1 1 2 ...</w:t>
      </w:r>
    </w:p>
    <w:p w14:paraId="74640FF5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carrier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7 levels "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AT&amp;T","Non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",..: 2 2 1 2 6 7 7 2 2 1 ...</w:t>
      </w:r>
    </w:p>
    <w:p w14:paraId="3DC52FC0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color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5 levels "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Black","Gold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",..: 3 4 5 1 4 1 1 1 5 1 ...</w:t>
      </w:r>
    </w:p>
    <w:p w14:paraId="50C5BB6E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storage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16 16 16 16 16 16 16 16 16 16 ...</w:t>
      </w:r>
    </w:p>
    <w:p w14:paraId="4CB44D44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productlin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: Factor w/ 11 levels "iPad 1","iPad 2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",..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: 11 1 8 3 1 7 2 5 2 1 ...</w:t>
      </w:r>
    </w:p>
    <w:p w14:paraId="3C050F88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sold 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0 0 1 0 0 1 0 0 0 1 ...</w:t>
      </w:r>
    </w:p>
    <w:p w14:paraId="2931A87A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UniqueID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11001 11207 10657 10949 11305 11514 10665 10877 11849 10068 ...</w:t>
      </w:r>
    </w:p>
    <w:p w14:paraId="71192284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# Explore the data - which variables have missing values and what is the count of these missing values</w:t>
      </w:r>
    </w:p>
    <w:p w14:paraId="6C4E05C1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summary(p)</w:t>
      </w:r>
    </w:p>
    <w:p w14:paraId="083FBB39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description           biddable       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startpric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                condition      cellular       carrier   </w:t>
      </w:r>
    </w:p>
    <w:p w14:paraId="0FFE21CC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Length:790         Min.   :0.0000   Min.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0.01   For parts or not working: 93   0      :445   AT&amp;T    :111  </w:t>
      </w:r>
    </w:p>
    <w:p w14:paraId="23634968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Class :character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1st Qu.:0.0000   1st Qu.: 80.00   Manufacturer refurbished: 17   1      :246   None    :448  </w:t>
      </w:r>
    </w:p>
    <w:p w14:paraId="3303DA66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Mode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character   Median :0.0000   Median :170.50   New other (see details) : 47   Unknown: 99   Other   :  2  </w:t>
      </w:r>
    </w:p>
    <w:p w14:paraId="35DE36B3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            Mean   :0.4038   Mean   :186.34   Seller refurbished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73                 Sprint  :  9  </w:t>
      </w:r>
    </w:p>
    <w:p w14:paraId="28E53AFC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            3rd Qu.:1.0000   3rd Qu.:269.99   Used                    :560                 T-Mobile: 11  </w:t>
      </w:r>
    </w:p>
    <w:p w14:paraId="7D1493BC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            Max.   :1.0000   Max.   :699.95                                                Unknown :134  </w:t>
      </w:r>
    </w:p>
    <w:p w14:paraId="19748A5C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                                                                                       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Verizon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75  </w:t>
      </w:r>
    </w:p>
    <w:p w14:paraId="26ECB707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color        storage         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productlin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sold          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UniqueID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</w:t>
      </w:r>
    </w:p>
    <w:p w14:paraId="62364595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Black     :177   Min.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16.00   iPad 2   :149   Min.   :0.0000   Min.   :10001  </w:t>
      </w:r>
    </w:p>
    <w:p w14:paraId="57184E41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Gold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20   1st Qu.: 16.00   iPad 1   :104   1st Qu.:0.0000   1st Qu.:10490  </w:t>
      </w:r>
    </w:p>
    <w:p w14:paraId="5A7EE762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Space Gray: 59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Median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32.00   iPad mini:104   Median :0.0000   Median :10924  </w:t>
      </w:r>
    </w:p>
    <w:p w14:paraId="517F774A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Unknown   :340   Mean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33.26   iPad Air : 87   Mean   :0.4354   Mean   :10934  </w:t>
      </w:r>
    </w:p>
    <w:p w14:paraId="22101FCF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White     :194   3rd Qu.: 32.00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Unknown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85   3rd Qu.:1.0000   3rd Qu.:11358  </w:t>
      </w:r>
    </w:p>
    <w:p w14:paraId="5FA11E71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          Max.   :128.00   iPad 4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84   Max.   :1.0000   Max.   :11861  </w:t>
      </w:r>
    </w:p>
    <w:p w14:paraId="4319B183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                           (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Other)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177                                   </w:t>
      </w:r>
    </w:p>
    <w:p w14:paraId="4BBBCDF9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#check the number of unique values in each column</w:t>
      </w:r>
    </w:p>
    <w:p w14:paraId="7ED9AC0F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apply(p,</w:t>
      </w:r>
      <w:proofErr w:type="gram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2,function</w:t>
      </w:r>
      <w:proofErr w:type="gram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(x) length(unique(x)))</w:t>
      </w:r>
    </w:p>
    <w:p w14:paraId="7FAABD26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description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biddable 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startprice</w:t>
      </w:r>
      <w:proofErr w:type="spellEnd"/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condition    cellular     carrier       color     storage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productlin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sold </w:t>
      </w:r>
    </w:p>
    <w:p w14:paraId="542744D4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674           2         326           5           3           7           5           4          11           2 </w:t>
      </w:r>
    </w:p>
    <w:p w14:paraId="018853C2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UniqueID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</w:t>
      </w:r>
    </w:p>
    <w:p w14:paraId="6601EBAD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     790 </w:t>
      </w:r>
    </w:p>
    <w:p w14:paraId="72BB4082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# what is the median price</w:t>
      </w:r>
    </w:p>
    <w:p w14:paraId="14A6BFC7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median(</w:t>
      </w:r>
      <w:proofErr w:type="spell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p$startprice</w:t>
      </w:r>
      <w:proofErr w:type="spell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)</w:t>
      </w:r>
    </w:p>
    <w:p w14:paraId="5C17F535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1] 170.5</w:t>
      </w:r>
    </w:p>
    <w:p w14:paraId="1E26C9C6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#add a variable </w:t>
      </w:r>
      <w:proofErr w:type="spell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priceclass</w:t>
      </w:r>
      <w:proofErr w:type="spell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, which takes value 1 if the price is above median value, or 0 otherwise</w:t>
      </w:r>
    </w:p>
    <w:p w14:paraId="51176A66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spell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p$priceclass</w:t>
      </w:r>
      <w:proofErr w:type="spell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 &lt;- </w:t>
      </w:r>
      <w:proofErr w:type="spell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ifelse</w:t>
      </w:r>
      <w:proofErr w:type="spell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(</w:t>
      </w:r>
      <w:proofErr w:type="spellStart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p$startprice</w:t>
      </w:r>
      <w:proofErr w:type="spellEnd"/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=170.5, 1, 0)</w:t>
      </w:r>
    </w:p>
    <w:p w14:paraId="0A59B11C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# Re-look at the structure of the dataset</w:t>
      </w:r>
    </w:p>
    <w:p w14:paraId="2DEC41C9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FF"/>
          <w:sz w:val="20"/>
          <w:szCs w:val="20"/>
        </w:rPr>
        <w:t>&gt; str(p)</w:t>
      </w:r>
    </w:p>
    <w:p w14:paraId="5BA481DA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'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data.frame</w:t>
      </w:r>
      <w:proofErr w:type="spellEnd"/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':</w:t>
      </w: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ab/>
        <w:t>790 obs. of  12 variables:</w:t>
      </w:r>
    </w:p>
    <w:p w14:paraId="51166D1F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lastRenderedPageBreak/>
        <w:t xml:space="preserve"> $ description: 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chr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"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99%" "#6428" "&amp;#034;Great Working Condition&amp;#034;" "*FREE* Same-Day Ship | 90-Day Warranty | 100% Functional, Includes All Major Accessories, Shows " ...</w:t>
      </w:r>
    </w:p>
    <w:p w14:paraId="646531CD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biddable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0 0 1 0 0 0 0 0 0 0 ...</w:t>
      </w:r>
    </w:p>
    <w:p w14:paraId="193462C3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startpric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num  249.99 124.95 0.99 200.29 199.99 ...</w:t>
      </w:r>
    </w:p>
    <w:p w14:paraId="09BD8BCA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condition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5 levels "For parts or not working",..: 5 5 5 4 5 2 4 5 5 4 ...</w:t>
      </w:r>
    </w:p>
    <w:p w14:paraId="47A879A8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cellular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3 levels "0","1","Unknown": 1 1 2 1 3 2 2 1 1 2 ...</w:t>
      </w:r>
    </w:p>
    <w:p w14:paraId="2550017E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carrier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7 levels "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AT&amp;T","Non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",..: 2 2 1 2 6 7 7 2 2 1 ...</w:t>
      </w:r>
    </w:p>
    <w:p w14:paraId="095601FD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color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Factor w/ 5 levels "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Black","Gold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",..: 3 4 5 1 4 1 1 1 5 1 ...</w:t>
      </w:r>
    </w:p>
    <w:p w14:paraId="4396F7C3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storage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16 16 16 16 16 16 16 16 16 16 ...</w:t>
      </w:r>
    </w:p>
    <w:p w14:paraId="11ABDE2B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productline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: Factor w/ 11 levels "iPad 1","iPad 2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",..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: 11 1 8 3 1 7 2 5 2 1 ...</w:t>
      </w:r>
    </w:p>
    <w:p w14:paraId="0976C16F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sold    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0 0 1 0 0 1 0 0 0 1 ...</w:t>
      </w:r>
    </w:p>
    <w:p w14:paraId="2BE78070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UniqueID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</w:t>
      </w:r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int  11001 11207 10657 10949 11305 11514 10665 10877 11849 10068 ...</w:t>
      </w:r>
    </w:p>
    <w:p w14:paraId="6B371C9B" w14:textId="77777777" w:rsidR="00160C28" w:rsidRPr="00160C28" w:rsidRDefault="00160C28" w:rsidP="00160C28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40" w:lineRule="auto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$ </w:t>
      </w:r>
      <w:proofErr w:type="spellStart"/>
      <w:proofErr w:type="gramStart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priceclass</w:t>
      </w:r>
      <w:proofErr w:type="spell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:</w:t>
      </w:r>
      <w:proofErr w:type="gramEnd"/>
      <w:r w:rsidRPr="00160C28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num  1 0 0 1 1 1 0 1 0 0 ...</w:t>
      </w:r>
    </w:p>
    <w:p w14:paraId="3C5150EF" w14:textId="3DACC26F" w:rsidR="00160C28" w:rsidRDefault="00160C28"/>
    <w:p w14:paraId="27ABF9FD" w14:textId="0BA21456" w:rsidR="00160C28" w:rsidRDefault="00160C28"/>
    <w:tbl>
      <w:tblPr>
        <w:tblW w:w="15090" w:type="dxa"/>
        <w:tblCellSpacing w:w="0" w:type="dxa"/>
        <w:shd w:val="clear" w:color="auto" w:fill="FFFFFF"/>
        <w:tblCellMar>
          <w:left w:w="90" w:type="dxa"/>
          <w:bottom w:w="120" w:type="dxa"/>
          <w:right w:w="0" w:type="dxa"/>
        </w:tblCellMar>
        <w:tblLook w:val="04A0" w:firstRow="1" w:lastRow="0" w:firstColumn="1" w:lastColumn="0" w:noHBand="0" w:noVBand="1"/>
      </w:tblPr>
      <w:tblGrid>
        <w:gridCol w:w="15180"/>
      </w:tblGrid>
      <w:tr w:rsidR="00160C28" w:rsidRPr="00160C28" w14:paraId="39902905" w14:textId="77777777" w:rsidTr="00160C28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p w14:paraId="4377029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#convert categorical variables to factor</w:t>
            </w:r>
          </w:p>
          <w:p w14:paraId="47AAD90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cols =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c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"biddable", "sold", "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priceclas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")</w:t>
            </w:r>
          </w:p>
          <w:p w14:paraId="0055E08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for(</w:t>
            </w:r>
            <w:proofErr w:type="spellStart"/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i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in cols){</w:t>
            </w:r>
          </w:p>
          <w:p w14:paraId="7992765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+   p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[,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i</w:t>
            </w:r>
            <w:proofErr w:type="spellEnd"/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]=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as.factor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p[,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i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])</w:t>
            </w:r>
          </w:p>
          <w:p w14:paraId="02D32B1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+ }</w:t>
            </w:r>
          </w:p>
          <w:p w14:paraId="7A291C3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# Re-Check structure</w:t>
            </w:r>
          </w:p>
          <w:p w14:paraId="162B9A4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str(p)</w:t>
            </w:r>
          </w:p>
          <w:p w14:paraId="21C9BCB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'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data.frame</w:t>
            </w:r>
            <w:proofErr w:type="spellEnd"/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':</w:t>
            </w: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ab/>
              <w:t>790 obs. of  12 variables:</w:t>
            </w:r>
          </w:p>
          <w:p w14:paraId="5359205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description: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chr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"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99%" "#6428" "&amp;#034;Great Working Condition&amp;#034;" "*FREE* Same-Day Ship | 90-Day Warranty | 100% Functional, Includes All Major Accessories, Shows " ...</w:t>
            </w:r>
          </w:p>
          <w:p w14:paraId="1D3B0A2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biddable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Factor w/ 2 levels "0","1": 1 1 2 1 1 1 1 1 1 1 ...</w:t>
            </w:r>
          </w:p>
          <w:p w14:paraId="7D01D58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num  249.99 124.95 0.99 200.29 199.99 ...</w:t>
            </w:r>
          </w:p>
          <w:p w14:paraId="4A6AA2C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condition 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Factor w/ 5 levels "For parts or not working",..: 5 5 5 4 5 2 4 5 5 4 ...</w:t>
            </w:r>
          </w:p>
          <w:p w14:paraId="77F4297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cellular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Factor w/ 3 levels "0","1","Unknown": 1 1 2 1 3 2 2 1 1 2 ...</w:t>
            </w:r>
          </w:p>
          <w:p w14:paraId="6CE7FE1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carrier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Factor w/ 7 levels "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AT&amp;T","Non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",..: 2 2 1 2 6 7 7 2 2 1 ...</w:t>
            </w:r>
          </w:p>
          <w:p w14:paraId="1B0BB15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color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Factor w/ 5 levels "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Black","Gol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",..: 3 4 5 1 4 1 1 1 5 1 ...</w:t>
            </w:r>
          </w:p>
          <w:p w14:paraId="2AA0241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storage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nt  16 16 16 16 16 16 16 16 16 16 ...</w:t>
            </w:r>
          </w:p>
          <w:p w14:paraId="5C96328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productlin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: Factor w/ 11 levels "iPad 1","iPad 2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",..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: 11 1 8 3 1 7 2 5 2 1 ...</w:t>
            </w:r>
          </w:p>
          <w:p w14:paraId="091CE4D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sold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Factor w/ 2 levels "0","1": 1 1 2 1 1 2 1 1 1 2 ...</w:t>
            </w:r>
          </w:p>
          <w:p w14:paraId="3483113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UniqueI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nt  11001 11207 10657 10949 11305 11514 10665 10877 11849 10068 ...</w:t>
            </w:r>
          </w:p>
          <w:p w14:paraId="233895B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priceclas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: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Factor w/ 2 levels "0","1": 2 1 1 2 2 2 1 2 1 1 ...</w:t>
            </w:r>
          </w:p>
          <w:p w14:paraId="4CD5724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# Find Maximum value of all numerical variables</w:t>
            </w:r>
          </w:p>
          <w:p w14:paraId="338E59A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apply(p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[,c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3,8)], 2, max, na.rm= TRUE)</w:t>
            </w:r>
          </w:p>
          <w:p w14:paraId="7712FEB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storage </w:t>
            </w:r>
          </w:p>
          <w:p w14:paraId="2EC192A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699.95     128.00 </w:t>
            </w:r>
          </w:p>
          <w:p w14:paraId="5324267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# Find Maximum value of all categorical variables</w:t>
            </w:r>
          </w:p>
          <w:p w14:paraId="2CE3E77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apply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p[,c(4:7, 9,10,12)], 2, max, na.rm= TRUE)</w:t>
            </w:r>
          </w:p>
          <w:p w14:paraId="3E328F7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condition    cellular     carrier       color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productlin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sold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priceclass</w:t>
            </w:r>
            <w:proofErr w:type="spellEnd"/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</w:p>
          <w:p w14:paraId="34B7025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"Used"   "Unknown"   "Verizon"     "White"   "Unknown"         "1"         "1" </w:t>
            </w:r>
          </w:p>
          <w:p w14:paraId="6BE2180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# us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lapply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function to Calculate Median of each of the numerical variables</w:t>
            </w:r>
          </w:p>
          <w:p w14:paraId="5BC09C8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lapply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p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[,c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3,8)], function(x) median(x, na.rm = TRUE))</w:t>
            </w:r>
          </w:p>
          <w:p w14:paraId="07410AA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$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tartprice</w:t>
            </w:r>
            <w:proofErr w:type="spellEnd"/>
          </w:p>
          <w:p w14:paraId="6542AA4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[1] 170.5</w:t>
            </w:r>
          </w:p>
          <w:p w14:paraId="498BE23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</w:p>
          <w:p w14:paraId="1672A2E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$storage</w:t>
            </w:r>
          </w:p>
          <w:p w14:paraId="46DFB3C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[1] 32</w:t>
            </w:r>
          </w:p>
          <w:p w14:paraId="0F01E1C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</w:p>
          <w:p w14:paraId="563F06A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# us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lapply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function to Calculate standard deviation of each of the numerical variables</w:t>
            </w:r>
          </w:p>
          <w:p w14:paraId="4AEFF8F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lapply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p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[,c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(3,8)], function(x)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x, na.rm = TRUE))</w:t>
            </w:r>
          </w:p>
          <w:p w14:paraId="732EAE3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$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tartprice</w:t>
            </w:r>
            <w:proofErr w:type="spellEnd"/>
          </w:p>
          <w:p w14:paraId="60DF2ED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[1] 139.6412</w:t>
            </w:r>
          </w:p>
          <w:p w14:paraId="6D145EB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</w:p>
          <w:p w14:paraId="4183962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lastRenderedPageBreak/>
              <w:t>$storage</w:t>
            </w:r>
          </w:p>
          <w:p w14:paraId="7024758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[1] 24.7185</w:t>
            </w:r>
          </w:p>
          <w:p w14:paraId="41BE166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</w:p>
          <w:p w14:paraId="346D932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# use th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tapply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function to calculate the median price according to sold</w:t>
            </w:r>
          </w:p>
          <w:p w14:paraId="6AB2378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tapply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p$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,p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$sold,median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</w:t>
            </w:r>
          </w:p>
          <w:p w14:paraId="5209D88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       1 </w:t>
            </w:r>
          </w:p>
          <w:p w14:paraId="5EC5087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25.000  79.995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</w:p>
          <w:p w14:paraId="47E1968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# use th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tapply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function to calculate the median price according to biddable</w:t>
            </w:r>
          </w:p>
          <w:p w14:paraId="34581A0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tapply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p$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,p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$biddable,median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</w:t>
            </w:r>
          </w:p>
          <w:p w14:paraId="32EB2A6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0   1 </w:t>
            </w:r>
          </w:p>
          <w:p w14:paraId="02C588A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20  75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</w:p>
          <w:p w14:paraId="6F1952F3" w14:textId="77777777" w:rsidR="00160C28" w:rsidRPr="00160C28" w:rsidRDefault="00160C28" w:rsidP="00160C28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160C28" w:rsidRPr="00160C28" w14:paraId="28F19F59" w14:textId="77777777" w:rsidTr="00160C28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p w14:paraId="6A826F38" w14:textId="77777777" w:rsidR="00160C28" w:rsidRPr="00160C28" w:rsidRDefault="00160C28" w:rsidP="00160C28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160C28" w:rsidRPr="00160C28" w14:paraId="4914BFE2" w14:textId="77777777" w:rsidTr="00160C28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tbl>
            <w:tblPr>
              <w:tblW w:w="15090" w:type="dxa"/>
              <w:tblCellSpacing w:w="0" w:type="dxa"/>
              <w:tblCellMar>
                <w:left w:w="0" w:type="dxa"/>
                <w:right w:w="0" w:type="dxa"/>
              </w:tblCellMar>
              <w:tblLook w:val="04A0" w:firstRow="1" w:lastRow="0" w:firstColumn="1" w:lastColumn="0" w:noHBand="0" w:noVBand="1"/>
            </w:tblPr>
            <w:tblGrid>
              <w:gridCol w:w="15090"/>
            </w:tblGrid>
            <w:tr w:rsidR="00160C28" w:rsidRPr="00160C28" w14:paraId="7ABC6B1C" w14:textId="77777777">
              <w:trPr>
                <w:tblCellSpacing w:w="0" w:type="dxa"/>
              </w:trPr>
              <w:tc>
                <w:tcPr>
                  <w:tcW w:w="15" w:type="dxa"/>
                  <w:hideMark/>
                </w:tcPr>
                <w:p w14:paraId="587AD14D" w14:textId="77777777" w:rsidR="00160C28" w:rsidRPr="00160C28" w:rsidRDefault="00160C28" w:rsidP="00160C28">
                  <w:pPr>
                    <w:spacing w:after="0" w:line="240" w:lineRule="auto"/>
                    <w:rPr>
                      <w:rFonts w:ascii="Lucida Console" w:eastAsia="Times New Roman" w:hAnsi="Lucida Console" w:cs="Times New Roman"/>
                      <w:color w:val="0000FF"/>
                      <w:sz w:val="24"/>
                      <w:szCs w:val="24"/>
                    </w:rPr>
                  </w:pPr>
                  <w:r w:rsidRPr="00160C28">
                    <w:rPr>
                      <w:rFonts w:ascii="Lucida Console" w:eastAsia="Times New Roman" w:hAnsi="Lucida Console" w:cs="Times New Roman"/>
                      <w:color w:val="0000FF"/>
                      <w:sz w:val="24"/>
                      <w:szCs w:val="24"/>
                    </w:rPr>
                    <w:t xml:space="preserve">&gt; </w:t>
                  </w:r>
                </w:p>
              </w:tc>
            </w:tr>
          </w:tbl>
          <w:p w14:paraId="2965FFD8" w14:textId="77777777" w:rsidR="00160C28" w:rsidRPr="00160C28" w:rsidRDefault="00160C28" w:rsidP="00160C28">
            <w:pPr>
              <w:spacing w:after="0" w:line="240" w:lineRule="auto"/>
              <w:rPr>
                <w:rFonts w:ascii="Lucida Console" w:eastAsia="Times New Roman" w:hAnsi="Lucida Console" w:cs="Times New Roman"/>
                <w:color w:val="000000"/>
                <w:sz w:val="24"/>
                <w:szCs w:val="24"/>
              </w:rPr>
            </w:pPr>
          </w:p>
        </w:tc>
      </w:tr>
    </w:tbl>
    <w:p w14:paraId="63F2EE46" w14:textId="3C1226B4" w:rsidR="00160C28" w:rsidRDefault="00160C28"/>
    <w:p w14:paraId="1F63ACEC" w14:textId="4DED91EE" w:rsidR="00160C28" w:rsidRDefault="00160C28"/>
    <w:p w14:paraId="7D3A952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 Load the </w:t>
      </w:r>
      <w:proofErr w:type="spellStart"/>
      <w:r>
        <w:rPr>
          <w:rStyle w:val="gd15mcfcktb"/>
          <w:rFonts w:ascii="Lucida Console" w:hAnsi="Lucida Console"/>
          <w:color w:val="0000FF"/>
        </w:rPr>
        <w:t>dplyr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package </w:t>
      </w:r>
    </w:p>
    <w:p w14:paraId="4B782F3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library(</w:t>
      </w:r>
      <w:proofErr w:type="spellStart"/>
      <w:r>
        <w:rPr>
          <w:rStyle w:val="gd15mcfcktb"/>
          <w:rFonts w:ascii="Lucida Console" w:hAnsi="Lucida Console"/>
          <w:color w:val="0000FF"/>
        </w:rPr>
        <w:t>dplyr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5CB8202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 Print out a df with the columns 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>, condition, and sold.</w:t>
      </w:r>
    </w:p>
    <w:p w14:paraId="1EB75E5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d15mcfcktb"/>
          <w:rFonts w:ascii="Lucida Console" w:hAnsi="Lucida Console"/>
          <w:color w:val="0000FF"/>
        </w:rPr>
        <w:t>select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>, condition, sold)</w:t>
      </w:r>
    </w:p>
    <w:p w14:paraId="7BAA794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startprice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         condition sold</w:t>
      </w:r>
    </w:p>
    <w:p w14:paraId="55FBA4E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     249.99                     Used    0</w:t>
      </w:r>
    </w:p>
    <w:p w14:paraId="31F24BE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       124.95                     Used    0</w:t>
      </w:r>
    </w:p>
    <w:p w14:paraId="3756747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         0.99                     Used    1</w:t>
      </w:r>
    </w:p>
    <w:p w14:paraId="0ABE149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       200.29       Seller refurbished    0</w:t>
      </w:r>
    </w:p>
    <w:p w14:paraId="392933F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       199.99                     Used    0</w:t>
      </w:r>
    </w:p>
    <w:p w14:paraId="7CBB19F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       219.00 Manufacturer refurbished    1</w:t>
      </w:r>
    </w:p>
    <w:p w14:paraId="30DF07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       127.99       Seller refurbished    0</w:t>
      </w:r>
    </w:p>
    <w:p w14:paraId="7730528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       379.99                     Used    0</w:t>
      </w:r>
    </w:p>
    <w:p w14:paraId="13DBF83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       164.99                     Used    0</w:t>
      </w:r>
    </w:p>
    <w:p w14:paraId="78CF104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       79.99       Seller refurbished    1</w:t>
      </w:r>
    </w:p>
    <w:p w14:paraId="3AB1598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      189.99                     Used    0</w:t>
      </w:r>
    </w:p>
    <w:p w14:paraId="40C3635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       39.99                     Used    1</w:t>
      </w:r>
    </w:p>
    <w:p w14:paraId="22C699E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3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1</w:t>
      </w:r>
    </w:p>
    <w:p w14:paraId="380C287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       76.00                     Used    0</w:t>
      </w:r>
    </w:p>
    <w:p w14:paraId="457816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      140.00                     Used    0</w:t>
      </w:r>
    </w:p>
    <w:p w14:paraId="2B04D13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       80.00                     Used    0</w:t>
      </w:r>
    </w:p>
    <w:p w14:paraId="72DC2B0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      186.00                     Used    0</w:t>
      </w:r>
    </w:p>
    <w:p w14:paraId="036CE21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      288.00                     Used    1</w:t>
      </w:r>
    </w:p>
    <w:p w14:paraId="032AB87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       89.00                     Used    0</w:t>
      </w:r>
    </w:p>
    <w:p w14:paraId="18F38FD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      171.00                     Used    0</w:t>
      </w:r>
    </w:p>
    <w:p w14:paraId="52E1E01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      162.00                     Used    0</w:t>
      </w:r>
    </w:p>
    <w:p w14:paraId="3E5E603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      227.00                     Used    0</w:t>
      </w:r>
    </w:p>
    <w:p w14:paraId="459E0EF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      280.00                     Used    0</w:t>
      </w:r>
    </w:p>
    <w:p w14:paraId="5BB13CF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      160.00 For parts or not working    0</w:t>
      </w:r>
    </w:p>
    <w:p w14:paraId="397DFAF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       56.00                     Used    1</w:t>
      </w:r>
    </w:p>
    <w:p w14:paraId="3111F15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       70.00                     Used    1</w:t>
      </w:r>
    </w:p>
    <w:p w14:paraId="1865142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      250.00                     Used    1</w:t>
      </w:r>
    </w:p>
    <w:p w14:paraId="78C35C8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      500.00                     Used    0</w:t>
      </w:r>
    </w:p>
    <w:p w14:paraId="79C0CB7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      169.99                     Used    0</w:t>
      </w:r>
    </w:p>
    <w:p w14:paraId="744B090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      100.00                     Used    1</w:t>
      </w:r>
    </w:p>
    <w:p w14:paraId="7DA5EED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      110.00                     Used    0</w:t>
      </w:r>
    </w:p>
    <w:p w14:paraId="61C888D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      250.00                     Used    0</w:t>
      </w:r>
    </w:p>
    <w:p w14:paraId="65369F1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      250.00                     Used    0</w:t>
      </w:r>
    </w:p>
    <w:p w14:paraId="7B82CA7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4      200.00       Seller refurbished    0</w:t>
      </w:r>
    </w:p>
    <w:p w14:paraId="639D1FA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5      250.00                     Used    0</w:t>
      </w:r>
    </w:p>
    <w:p w14:paraId="1DD411F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6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6BC2622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7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9.99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1</w:t>
      </w:r>
    </w:p>
    <w:p w14:paraId="1B3C9D8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8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1</w:t>
      </w:r>
    </w:p>
    <w:p w14:paraId="7F742DC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9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49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270C9D5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0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49.99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29FD8E4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1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4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7F488BB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42      149.98 For parts or not working    0</w:t>
      </w:r>
    </w:p>
    <w:p w14:paraId="1D25D03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3       29.95 For parts or not working    1</w:t>
      </w:r>
    </w:p>
    <w:p w14:paraId="4EB19FE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4       36.95 For parts or not working    1</w:t>
      </w:r>
    </w:p>
    <w:p w14:paraId="0F4F42A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5       36.95 For parts or not working    1</w:t>
      </w:r>
    </w:p>
    <w:p w14:paraId="6EBD825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6       36.95 For parts or not working    1</w:t>
      </w:r>
    </w:p>
    <w:p w14:paraId="773E5D3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7       36.95 For parts or not working    0</w:t>
      </w:r>
    </w:p>
    <w:p w14:paraId="2E8AA22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8      225.00                     Used    0</w:t>
      </w:r>
    </w:p>
    <w:p w14:paraId="177C962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9      261.99       Seller refurbished    0</w:t>
      </w:r>
    </w:p>
    <w:p w14:paraId="21992F0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0      237.99       Seller refurbished    0</w:t>
      </w:r>
    </w:p>
    <w:p w14:paraId="0CAE301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1      257.83       Seller refurbished    0</w:t>
      </w:r>
    </w:p>
    <w:p w14:paraId="117757D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2      274.99       Seller refurbished    0</w:t>
      </w:r>
    </w:p>
    <w:p w14:paraId="2A72A90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3        0.99                     Used    1</w:t>
      </w:r>
    </w:p>
    <w:p w14:paraId="0BCA5E8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4      160.00                     Used    1</w:t>
      </w:r>
    </w:p>
    <w:p w14:paraId="6D99791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5       49.99                     Used    1</w:t>
      </w:r>
    </w:p>
    <w:p w14:paraId="33C6966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6        1.00                     Used    1</w:t>
      </w:r>
    </w:p>
    <w:p w14:paraId="6485F39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7      250.00                     Used    1</w:t>
      </w:r>
    </w:p>
    <w:p w14:paraId="01DDFA5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8      147.59                     Used    1</w:t>
      </w:r>
    </w:p>
    <w:p w14:paraId="3BD8937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9      174.99                     Used    0</w:t>
      </w:r>
    </w:p>
    <w:p w14:paraId="7E9E5C9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0      125.00                     Used    1</w:t>
      </w:r>
    </w:p>
    <w:p w14:paraId="1C527F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1      155.00 For parts or not working    0</w:t>
      </w:r>
    </w:p>
    <w:p w14:paraId="23F2DE9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2       45.00                     Used    1</w:t>
      </w:r>
    </w:p>
    <w:p w14:paraId="375144E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3        5.00                     Used    0</w:t>
      </w:r>
    </w:p>
    <w:p w14:paraId="43CE39A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4        0.99 For parts or not working    1</w:t>
      </w:r>
    </w:p>
    <w:p w14:paraId="5986715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5      200.00                     Used    1</w:t>
      </w:r>
    </w:p>
    <w:p w14:paraId="15B60C5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6      279.00                     Used    1</w:t>
      </w:r>
    </w:p>
    <w:p w14:paraId="040520C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7       90.00                     Used    0</w:t>
      </w:r>
    </w:p>
    <w:p w14:paraId="53C6653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8      300.00 Manufacturer refurbished    0</w:t>
      </w:r>
    </w:p>
    <w:p w14:paraId="7D25549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9       99.95 For parts or not working    1</w:t>
      </w:r>
    </w:p>
    <w:p w14:paraId="1C2B9A8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0        0.01                     Used    1</w:t>
      </w:r>
    </w:p>
    <w:p w14:paraId="4FD4B76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1      250.00                     Used    0</w:t>
      </w:r>
    </w:p>
    <w:p w14:paraId="2E8D2D1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2       75.00                     Used    1</w:t>
      </w:r>
    </w:p>
    <w:p w14:paraId="790754B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3       99.99                     Used    1</w:t>
      </w:r>
    </w:p>
    <w:p w14:paraId="294A0BB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4      399.00                     Used    0</w:t>
      </w:r>
    </w:p>
    <w:p w14:paraId="18B0EC9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5        0.99       Seller refurbished    1</w:t>
      </w:r>
    </w:p>
    <w:p w14:paraId="56700BC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6      200.00                     Used    0</w:t>
      </w:r>
    </w:p>
    <w:p w14:paraId="2381C03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7      155.00                     Used    1</w:t>
      </w:r>
    </w:p>
    <w:p w14:paraId="43B7EAC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8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1</w:t>
      </w:r>
    </w:p>
    <w:p w14:paraId="01B6A43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9      175.00                     Used    0</w:t>
      </w:r>
    </w:p>
    <w:p w14:paraId="56C7B11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0      149.95                     Used    1</w:t>
      </w:r>
    </w:p>
    <w:p w14:paraId="45E1C60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1      269.95                     Used    0</w:t>
      </w:r>
    </w:p>
    <w:p w14:paraId="0175EE8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2      199.99       Seller refurbished    0</w:t>
      </w:r>
    </w:p>
    <w:p w14:paraId="244B920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3       85.00 For parts or not working    0</w:t>
      </w:r>
    </w:p>
    <w:p w14:paraId="022E9F4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4      165.00 For parts or not working    0</w:t>
      </w:r>
    </w:p>
    <w:p w14:paraId="51A0CEE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5        0.99       Seller refurbished    1</w:t>
      </w:r>
    </w:p>
    <w:p w14:paraId="212F4CC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6        0.99       Seller refurbished    1</w:t>
      </w:r>
    </w:p>
    <w:p w14:paraId="2EA14BF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7      129.99                     Used    0</w:t>
      </w:r>
    </w:p>
    <w:p w14:paraId="7CEBAB6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8      165.00                     Used    0</w:t>
      </w:r>
    </w:p>
    <w:p w14:paraId="781C61F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9        0.99                     Used    1</w:t>
      </w:r>
    </w:p>
    <w:p w14:paraId="73E82E9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0      149.99                     Used    1</w:t>
      </w:r>
    </w:p>
    <w:p w14:paraId="2D50C85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1      149.00                     Used    0</w:t>
      </w:r>
    </w:p>
    <w:p w14:paraId="0F22E8A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2        0.01                     Used    1</w:t>
      </w:r>
    </w:p>
    <w:p w14:paraId="4944453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3        0.01                     Used    1</w:t>
      </w:r>
    </w:p>
    <w:p w14:paraId="5B1FC35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4      199.99                     Used    1</w:t>
      </w:r>
    </w:p>
    <w:p w14:paraId="6C96C11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5       99.99                     Used    1</w:t>
      </w:r>
    </w:p>
    <w:p w14:paraId="6E7993C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6        0.99                     Used    1</w:t>
      </w:r>
    </w:p>
    <w:p w14:paraId="4927E53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7        0.99                     Used    1</w:t>
      </w:r>
    </w:p>
    <w:p w14:paraId="1A91E67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8       20.00                     Used    1</w:t>
      </w:r>
    </w:p>
    <w:p w14:paraId="6A4361D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9      149.00                     Used    1</w:t>
      </w:r>
    </w:p>
    <w:p w14:paraId="360E0DB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0     128.00                     Used    1</w:t>
      </w:r>
    </w:p>
    <w:p w14:paraId="5430E25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1      99.99                     Used    1</w:t>
      </w:r>
    </w:p>
    <w:p w14:paraId="7267508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2     184.99                     Used    1</w:t>
      </w:r>
    </w:p>
    <w:p w14:paraId="00887A9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3     199.00                     Used    1</w:t>
      </w:r>
    </w:p>
    <w:p w14:paraId="0ED309E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4     229.00                     Used    0</w:t>
      </w:r>
    </w:p>
    <w:p w14:paraId="512EEA9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5     209.85 Manufacturer refurbished    0</w:t>
      </w:r>
    </w:p>
    <w:p w14:paraId="0FEA466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106     294.99 Manufacturer refurbished    0</w:t>
      </w:r>
    </w:p>
    <w:p w14:paraId="299BF81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7     239.00       Seller refurbished    1</w:t>
      </w:r>
    </w:p>
    <w:p w14:paraId="5F88A0C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8     249.99 Manufacturer refurbished    0</w:t>
      </w:r>
    </w:p>
    <w:p w14:paraId="178CF51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9     249.99 Manufacturer refurbished    0</w:t>
      </w:r>
    </w:p>
    <w:p w14:paraId="15A45F4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0     134.95                     Used    1</w:t>
      </w:r>
    </w:p>
    <w:p w14:paraId="5DE82FC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1     265.00                     Used    0</w:t>
      </w:r>
    </w:p>
    <w:p w14:paraId="2F7D272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2     100.00                     Used    0</w:t>
      </w:r>
    </w:p>
    <w:p w14:paraId="6F54D34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3     199.99       Seller refurbished    1</w:t>
      </w:r>
    </w:p>
    <w:p w14:paraId="243ADE4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4     234.00                     Used    0</w:t>
      </w:r>
    </w:p>
    <w:p w14:paraId="016F2C2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5      75.00                     Used    1</w:t>
      </w:r>
    </w:p>
    <w:p w14:paraId="20FCC70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6     209.99                     Used    0</w:t>
      </w:r>
    </w:p>
    <w:p w14:paraId="1C6B431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7       0.01                     Used    1</w:t>
      </w:r>
    </w:p>
    <w:p w14:paraId="59FA750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8     225.00                     Used    0</w:t>
      </w:r>
    </w:p>
    <w:p w14:paraId="78688CA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9     150.00                     Used    0</w:t>
      </w:r>
    </w:p>
    <w:p w14:paraId="5DE8FBF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0     187.50                     Used    0</w:t>
      </w:r>
    </w:p>
    <w:p w14:paraId="4E174B8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1     187.50                     Used    0</w:t>
      </w:r>
    </w:p>
    <w:p w14:paraId="6EB8A21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2     184.50                     Used    1</w:t>
      </w:r>
    </w:p>
    <w:p w14:paraId="3C2EA9A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3     187.50                     Used    0</w:t>
      </w:r>
    </w:p>
    <w:p w14:paraId="652FB4D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4     290.00                     Used    0</w:t>
      </w:r>
    </w:p>
    <w:p w14:paraId="7239DDB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5     100.00                     Used    0</w:t>
      </w:r>
    </w:p>
    <w:p w14:paraId="30FBC37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6     160.00                     Used    0</w:t>
      </w:r>
    </w:p>
    <w:p w14:paraId="4586B48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27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9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5BC8620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8     280.00                     Used    1</w:t>
      </w:r>
    </w:p>
    <w:p w14:paraId="31658F3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9     270.99                     Used    0</w:t>
      </w:r>
    </w:p>
    <w:p w14:paraId="203427A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0     115.00                     Used    1</w:t>
      </w:r>
    </w:p>
    <w:p w14:paraId="0BE29A2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1     289.95                     Used    0</w:t>
      </w:r>
    </w:p>
    <w:p w14:paraId="0F4155A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2     265.00                     Used    0</w:t>
      </w:r>
    </w:p>
    <w:p w14:paraId="58801FC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3       1.00                     Used    1</w:t>
      </w:r>
    </w:p>
    <w:p w14:paraId="464F873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4     199.99                     Used    1</w:t>
      </w:r>
    </w:p>
    <w:p w14:paraId="7402D06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5     100.00                     Used    1</w:t>
      </w:r>
    </w:p>
    <w:p w14:paraId="2B01B23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6     129.99 For parts or not working    0</w:t>
      </w:r>
    </w:p>
    <w:p w14:paraId="7B1EEE2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7      49.95                     Used    1</w:t>
      </w:r>
    </w:p>
    <w:p w14:paraId="6CA41A6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8     100.00                     Used    1</w:t>
      </w:r>
    </w:p>
    <w:p w14:paraId="6E95A42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9     299.99                     Used    0</w:t>
      </w:r>
    </w:p>
    <w:p w14:paraId="7DC84C8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0     199.00 For parts or not working    0</w:t>
      </w:r>
    </w:p>
    <w:p w14:paraId="082DC75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1       0.01                     Used    1</w:t>
      </w:r>
    </w:p>
    <w:p w14:paraId="5F443F4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2     259.99                     Used    0</w:t>
      </w:r>
    </w:p>
    <w:p w14:paraId="583C39E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3     349.99                     Used    0</w:t>
      </w:r>
    </w:p>
    <w:p w14:paraId="1985DB6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4     349.95                     Used    0</w:t>
      </w:r>
    </w:p>
    <w:p w14:paraId="3F3E2C9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5     146.99                     Used    0</w:t>
      </w:r>
    </w:p>
    <w:p w14:paraId="4F41B5E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6      50.00                     Used    0</w:t>
      </w:r>
    </w:p>
    <w:p w14:paraId="26ED6F3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7     320.00                     Used    0</w:t>
      </w:r>
    </w:p>
    <w:p w14:paraId="7DCF445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8     165.00                     Used    0</w:t>
      </w:r>
    </w:p>
    <w:p w14:paraId="137E083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9     115.00                     Used    1</w:t>
      </w:r>
    </w:p>
    <w:p w14:paraId="650DDF7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0     130.00                     Used    1</w:t>
      </w:r>
    </w:p>
    <w:p w14:paraId="604224D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1     220.00                     Used    0</w:t>
      </w:r>
    </w:p>
    <w:p w14:paraId="648BC1F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2      90.00                     Used    1</w:t>
      </w:r>
    </w:p>
    <w:p w14:paraId="609DF31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3       0.99                     Used    1</w:t>
      </w:r>
    </w:p>
    <w:p w14:paraId="268437B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54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5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395B1AD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5       0.99                     Used    1</w:t>
      </w:r>
    </w:p>
    <w:p w14:paraId="7721610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6       0.99                     Used    1</w:t>
      </w:r>
    </w:p>
    <w:p w14:paraId="569428D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7     119.99                     Used    0</w:t>
      </w:r>
    </w:p>
    <w:p w14:paraId="0CF00ED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8     159.99                     Used    0</w:t>
      </w:r>
    </w:p>
    <w:p w14:paraId="7075E0D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9      66.99 For parts or not working    0</w:t>
      </w:r>
    </w:p>
    <w:p w14:paraId="753F5B5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0      74.99 For parts or not working    0</w:t>
      </w:r>
    </w:p>
    <w:p w14:paraId="1A9F09B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1     399.99                     Used    1</w:t>
      </w:r>
    </w:p>
    <w:p w14:paraId="6244A2D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2      79.99                     Used    1</w:t>
      </w:r>
    </w:p>
    <w:p w14:paraId="7E2831D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3       0.99       Seller refurbished    1</w:t>
      </w:r>
    </w:p>
    <w:p w14:paraId="670D5BE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4     249.99                     Used    0</w:t>
      </w:r>
    </w:p>
    <w:p w14:paraId="068C63F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5      80.00                     Used    0</w:t>
      </w:r>
    </w:p>
    <w:p w14:paraId="52E3146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6     149.99                     Used    0</w:t>
      </w:r>
    </w:p>
    <w:p w14:paraId="6C91A26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7     238.80                     Used    0</w:t>
      </w:r>
    </w:p>
    <w:p w14:paraId="2A1143F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8       0.99 For parts or not working    1</w:t>
      </w:r>
    </w:p>
    <w:p w14:paraId="7368DA5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9     400.00                     Used    0</w:t>
      </w:r>
    </w:p>
    <w:p w14:paraId="188DB26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170       0.99                     Used    1</w:t>
      </w:r>
    </w:p>
    <w:p w14:paraId="0F02994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1     150.00                     Used    0</w:t>
      </w:r>
    </w:p>
    <w:p w14:paraId="71BFDE0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2     198.00                     Used    0</w:t>
      </w:r>
    </w:p>
    <w:p w14:paraId="68B6E36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3      89.00                     Used    1</w:t>
      </w:r>
    </w:p>
    <w:p w14:paraId="4B3ECD4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4       0.99       Seller refurbished    1</w:t>
      </w:r>
    </w:p>
    <w:p w14:paraId="43569F2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75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9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1</w:t>
      </w:r>
    </w:p>
    <w:p w14:paraId="6D2433A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6     159.99                     Used    0</w:t>
      </w:r>
    </w:p>
    <w:p w14:paraId="20DF102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7     111.50                     Used    1</w:t>
      </w:r>
    </w:p>
    <w:p w14:paraId="287C34F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8      20.00                     Used    1</w:t>
      </w:r>
    </w:p>
    <w:p w14:paraId="4007A39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9     149.99                     Used    1</w:t>
      </w:r>
    </w:p>
    <w:p w14:paraId="001ADD5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0     149.97                     Used    0</w:t>
      </w:r>
    </w:p>
    <w:p w14:paraId="21AA79D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1     249.59       Seller refurbished    0</w:t>
      </w:r>
    </w:p>
    <w:p w14:paraId="24113D7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2     149.98                     Used    0</w:t>
      </w:r>
    </w:p>
    <w:p w14:paraId="4470F3D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83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1</w:t>
      </w:r>
    </w:p>
    <w:p w14:paraId="3C46B27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4       0.99                     Used    1</w:t>
      </w:r>
    </w:p>
    <w:p w14:paraId="7F38ECF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5     399.99                     Used    0</w:t>
      </w:r>
    </w:p>
    <w:p w14:paraId="45E6F3D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6     292.50                     Used    1</w:t>
      </w:r>
    </w:p>
    <w:p w14:paraId="4824E5D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7     259.00                     Used    0</w:t>
      </w:r>
    </w:p>
    <w:p w14:paraId="4A92D43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8     350.00                     Used    0</w:t>
      </w:r>
    </w:p>
    <w:p w14:paraId="7DE4B4D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9     303.67                     Used    0</w:t>
      </w:r>
    </w:p>
    <w:p w14:paraId="49F9D0E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0     199.99                     Used    0</w:t>
      </w:r>
    </w:p>
    <w:p w14:paraId="0FCF137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1     249.99 Manufacturer refurbished    0</w:t>
      </w:r>
    </w:p>
    <w:p w14:paraId="162B94C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2     201.99                     Used    1</w:t>
      </w:r>
    </w:p>
    <w:p w14:paraId="20F66AA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3     187.89                     Used    0</w:t>
      </w:r>
    </w:p>
    <w:p w14:paraId="28659D5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4      99.99 Manufacturer refurbished    0</w:t>
      </w:r>
    </w:p>
    <w:p w14:paraId="5D531B2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5     185.49                     Used    0</w:t>
      </w:r>
    </w:p>
    <w:p w14:paraId="5845989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6     525.00                     Used    0</w:t>
      </w:r>
    </w:p>
    <w:p w14:paraId="00FC72A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7     199.99                     Used    0</w:t>
      </w:r>
    </w:p>
    <w:p w14:paraId="6FC79D0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98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.99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1</w:t>
      </w:r>
    </w:p>
    <w:p w14:paraId="57DF008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9     265.00                     Used    0</w:t>
      </w:r>
    </w:p>
    <w:p w14:paraId="21237C2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0      70.00                     Used    1</w:t>
      </w:r>
    </w:p>
    <w:p w14:paraId="695FBB5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1     184.99       Seller refurbished    0</w:t>
      </w:r>
    </w:p>
    <w:p w14:paraId="18A2CF2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2     210.00                     Used    0</w:t>
      </w:r>
    </w:p>
    <w:p w14:paraId="38F1B6C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3     225.00                     Used    0</w:t>
      </w:r>
    </w:p>
    <w:p w14:paraId="2BFDBF3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4     319.99                     Used    0</w:t>
      </w:r>
    </w:p>
    <w:p w14:paraId="409C9EE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5     199.99                     Used    1</w:t>
      </w:r>
    </w:p>
    <w:p w14:paraId="5388F78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6     259.95                     Used    0</w:t>
      </w:r>
    </w:p>
    <w:p w14:paraId="488D00A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7     220.00                     Used    0</w:t>
      </w:r>
    </w:p>
    <w:p w14:paraId="645F2E9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8     220.00                     Used    0</w:t>
      </w:r>
    </w:p>
    <w:p w14:paraId="328AE62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9     150.00       Seller refurbished    0</w:t>
      </w:r>
    </w:p>
    <w:p w14:paraId="15ABCF0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0       0.99                     Used    1</w:t>
      </w:r>
    </w:p>
    <w:p w14:paraId="7B31A16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1       0.99                     Used    1</w:t>
      </w:r>
    </w:p>
    <w:p w14:paraId="3A0A855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2     199.99       Seller refurbished    1</w:t>
      </w:r>
    </w:p>
    <w:p w14:paraId="40A999F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13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5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458395C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14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5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6414F9D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5     100.00                     Used    1</w:t>
      </w:r>
    </w:p>
    <w:p w14:paraId="13C14FB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16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9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1</w:t>
      </w:r>
    </w:p>
    <w:p w14:paraId="7A1C42E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7       0.01                     Used    1</w:t>
      </w:r>
    </w:p>
    <w:p w14:paraId="293F517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8      79.00                     Used    0</w:t>
      </w:r>
    </w:p>
    <w:p w14:paraId="7D2508E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9     175.00                     Used    1</w:t>
      </w:r>
    </w:p>
    <w:p w14:paraId="10D2D15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0     160.57                     Used    1</w:t>
      </w:r>
    </w:p>
    <w:p w14:paraId="02B4FD2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1     185.00                     Used    1</w:t>
      </w:r>
    </w:p>
    <w:p w14:paraId="746063C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2     149.99       Seller refurbished    1</w:t>
      </w:r>
    </w:p>
    <w:p w14:paraId="30E0ECB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3       0.99 For parts or not working    1</w:t>
      </w:r>
    </w:p>
    <w:p w14:paraId="3FE5F90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4       0.99 For parts or not working    1</w:t>
      </w:r>
    </w:p>
    <w:p w14:paraId="748F657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5       0.99 For parts or not working    1</w:t>
      </w:r>
    </w:p>
    <w:p w14:paraId="3C359ED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6     175.00                     Used    0</w:t>
      </w:r>
    </w:p>
    <w:p w14:paraId="701A7E2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7     189.99                     Used    1</w:t>
      </w:r>
    </w:p>
    <w:p w14:paraId="4365BFC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8     199.00                     Used    0</w:t>
      </w:r>
    </w:p>
    <w:p w14:paraId="317A546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29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3D051F4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0     210.00                     Used    0</w:t>
      </w:r>
    </w:p>
    <w:p w14:paraId="088EC10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1      50.00                     Used    1</w:t>
      </w:r>
    </w:p>
    <w:p w14:paraId="67905DF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2     150.00                     Used    0</w:t>
      </w:r>
    </w:p>
    <w:p w14:paraId="2871DBE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3     490.95                     Used    0</w:t>
      </w:r>
    </w:p>
    <w:p w14:paraId="330EA4A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 xml:space="preserve">234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9.99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53CEA1A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5     119.99                     Used    0</w:t>
      </w:r>
    </w:p>
    <w:p w14:paraId="391C9CD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6      89.50                     Used    0</w:t>
      </w:r>
    </w:p>
    <w:p w14:paraId="19B9089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7     252.99 Manufacturer refurbished    0</w:t>
      </w:r>
    </w:p>
    <w:p w14:paraId="6A8C778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8     300.00                     Used    1</w:t>
      </w:r>
    </w:p>
    <w:p w14:paraId="29D35A7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9     380.00                     Used    0</w:t>
      </w:r>
    </w:p>
    <w:p w14:paraId="2C42D6A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0     259.99       Seller refurbished    0</w:t>
      </w:r>
    </w:p>
    <w:p w14:paraId="1B30D64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1       0.99 For parts or not working    1</w:t>
      </w:r>
    </w:p>
    <w:p w14:paraId="3B9A0C7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2     129.95 For parts or not working    0</w:t>
      </w:r>
    </w:p>
    <w:p w14:paraId="1FDCBF1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3     394.99                     Used    0</w:t>
      </w:r>
    </w:p>
    <w:p w14:paraId="729BC65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4      69.95 For parts or not working    0</w:t>
      </w:r>
    </w:p>
    <w:p w14:paraId="5D151AD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5      29.99 For parts or not working    1</w:t>
      </w:r>
    </w:p>
    <w:p w14:paraId="0DB4D56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6     229.00                     Used    0</w:t>
      </w:r>
    </w:p>
    <w:p w14:paraId="6D6C661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7       0.99                     Used    1</w:t>
      </w:r>
    </w:p>
    <w:p w14:paraId="7295D36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8      39.99                     Used    1</w:t>
      </w:r>
    </w:p>
    <w:p w14:paraId="78DCF0A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9     200.00                     Used    1</w:t>
      </w:r>
    </w:p>
    <w:p w14:paraId="4F096B2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0     295.00                     Used    1</w:t>
      </w:r>
    </w:p>
    <w:p w14:paraId="3761407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1       0.99                     Used    1</w:t>
      </w:r>
    </w:p>
    <w:p w14:paraId="28F3DC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2       0.99                     Used    1</w:t>
      </w:r>
    </w:p>
    <w:p w14:paraId="2E5F9D6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3     119.99                     Used    0</w:t>
      </w:r>
    </w:p>
    <w:p w14:paraId="25255B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4     264.99 Manufacturer refurbished    0</w:t>
      </w:r>
    </w:p>
    <w:p w14:paraId="2534C9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5     157.00 For parts or not working    0</w:t>
      </w:r>
    </w:p>
    <w:p w14:paraId="7523C2B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6     114.99                     Used    1</w:t>
      </w:r>
    </w:p>
    <w:p w14:paraId="77F2BB2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7       0.99       Seller refurbished    1</w:t>
      </w:r>
    </w:p>
    <w:p w14:paraId="3603AA8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8     160.00                     Used    0</w:t>
      </w:r>
    </w:p>
    <w:p w14:paraId="45B2D12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9      40.00                     Used    1</w:t>
      </w:r>
    </w:p>
    <w:p w14:paraId="780E3DD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0     100.00                     Used    1</w:t>
      </w:r>
    </w:p>
    <w:p w14:paraId="5566A92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1      89.99 For parts or not working    0</w:t>
      </w:r>
    </w:p>
    <w:p w14:paraId="5E73635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2     100.00 For parts or not working    1</w:t>
      </w:r>
    </w:p>
    <w:p w14:paraId="0BB66F8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3       1.00                     Used    1</w:t>
      </w:r>
    </w:p>
    <w:p w14:paraId="70E131A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4       0.01                     Used    1</w:t>
      </w:r>
    </w:p>
    <w:p w14:paraId="0A39F86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5     179.95                     Used    0</w:t>
      </w:r>
    </w:p>
    <w:p w14:paraId="6CFB7EA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6      20.00 For parts or not working    1</w:t>
      </w:r>
    </w:p>
    <w:p w14:paraId="0735BFF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7     209.90 For parts or not working    0</w:t>
      </w:r>
    </w:p>
    <w:p w14:paraId="3411C8F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8       0.99                     Used    1</w:t>
      </w:r>
    </w:p>
    <w:p w14:paraId="2958411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9      50.00                     Used    1</w:t>
      </w:r>
    </w:p>
    <w:p w14:paraId="39C6E00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0       0.99 For parts or not working    1</w:t>
      </w:r>
    </w:p>
    <w:p w14:paraId="1D8C8AD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1       0.99                     Used    1</w:t>
      </w:r>
    </w:p>
    <w:p w14:paraId="33B712F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2       0.99       Seller refurbished    1</w:t>
      </w:r>
    </w:p>
    <w:p w14:paraId="115FD57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3     164.99                     Used    0</w:t>
      </w:r>
    </w:p>
    <w:p w14:paraId="248DFFF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4      99.00                     Used    1</w:t>
      </w:r>
    </w:p>
    <w:p w14:paraId="76A2761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75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5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5199EAE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6      99.99 For parts or not working    0</w:t>
      </w:r>
    </w:p>
    <w:p w14:paraId="18D5C54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7      30.00                     Used    1</w:t>
      </w:r>
    </w:p>
    <w:p w14:paraId="5BFE56C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8     299.99                     Used    0</w:t>
      </w:r>
    </w:p>
    <w:p w14:paraId="475451F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9     334.99                     Used    0</w:t>
      </w:r>
    </w:p>
    <w:p w14:paraId="08D9F8C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0       9.99                     Used    1</w:t>
      </w:r>
    </w:p>
    <w:p w14:paraId="2D29C80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1       9.99                     Used    1</w:t>
      </w:r>
    </w:p>
    <w:p w14:paraId="36EB974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2     279.99                     Used    0</w:t>
      </w:r>
    </w:p>
    <w:p w14:paraId="071827E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3      79.99                     Used    0</w:t>
      </w:r>
    </w:p>
    <w:p w14:paraId="44BEEAC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4     200.00                     Used    1</w:t>
      </w:r>
    </w:p>
    <w:p w14:paraId="6B42DBA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5     400.00                     Used    0</w:t>
      </w:r>
    </w:p>
    <w:p w14:paraId="7EF1179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6       1.00                     Used    1</w:t>
      </w:r>
    </w:p>
    <w:p w14:paraId="0223D7C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7      19.95 For parts or not working    1</w:t>
      </w:r>
    </w:p>
    <w:p w14:paraId="3418A20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8      40.00                     Used    1</w:t>
      </w:r>
    </w:p>
    <w:p w14:paraId="300C2EF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9     134.34                     Used    0</w:t>
      </w:r>
    </w:p>
    <w:p w14:paraId="5E71F34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0      80.00                     Used    1</w:t>
      </w:r>
    </w:p>
    <w:p w14:paraId="548F8E5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1       0.99 For parts or not working    1</w:t>
      </w:r>
    </w:p>
    <w:p w14:paraId="2254706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2     150.00                     Used    1</w:t>
      </w:r>
    </w:p>
    <w:p w14:paraId="1C680BB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3     149.95                     Used    1</w:t>
      </w:r>
    </w:p>
    <w:p w14:paraId="5E97049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4     188.99                     Used    0</w:t>
      </w:r>
    </w:p>
    <w:p w14:paraId="6298C24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95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1962871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6     179.99                     Used    1</w:t>
      </w:r>
    </w:p>
    <w:p w14:paraId="73E67BD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7     209.00       Seller refurbished    0</w:t>
      </w:r>
    </w:p>
    <w:p w14:paraId="6C2AB1B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298      60.00       Seller refurbished    1</w:t>
      </w:r>
    </w:p>
    <w:p w14:paraId="3CEF961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9     149.99                     Used    1</w:t>
      </w:r>
    </w:p>
    <w:p w14:paraId="4E5CB7A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0     139.98                     Used    0</w:t>
      </w:r>
    </w:p>
    <w:p w14:paraId="55FE8BA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1       0.99 For parts or not working    1</w:t>
      </w:r>
    </w:p>
    <w:p w14:paraId="2141A8B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2     229.98                     Used    0</w:t>
      </w:r>
    </w:p>
    <w:p w14:paraId="6EF357A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3     125.00                     Used    0</w:t>
      </w:r>
    </w:p>
    <w:p w14:paraId="0876078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4       0.99 For parts or not working    1</w:t>
      </w:r>
    </w:p>
    <w:p w14:paraId="330B442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5     229.98 For parts or not working    0</w:t>
      </w:r>
    </w:p>
    <w:p w14:paraId="5243111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6      50.00                     Used    1</w:t>
      </w:r>
    </w:p>
    <w:p w14:paraId="71F2A52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7     339.00                     Used    0</w:t>
      </w:r>
    </w:p>
    <w:p w14:paraId="04B672D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8     319.99                     Used    1</w:t>
      </w:r>
    </w:p>
    <w:p w14:paraId="6660088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9     249.99                     Used    0</w:t>
      </w:r>
    </w:p>
    <w:p w14:paraId="0D350BC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0     379.99                     Used    0</w:t>
      </w:r>
    </w:p>
    <w:p w14:paraId="4710884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1       9.99 For parts or not working    1</w:t>
      </w:r>
    </w:p>
    <w:p w14:paraId="60483F1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2      89.99 For parts or not working    0</w:t>
      </w:r>
    </w:p>
    <w:p w14:paraId="4EA8490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3     250.00                     Used    0</w:t>
      </w:r>
    </w:p>
    <w:p w14:paraId="2905F02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4      79.00                     Used    1</w:t>
      </w:r>
    </w:p>
    <w:p w14:paraId="63D9D50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5     179.00                     Used    0</w:t>
      </w:r>
    </w:p>
    <w:p w14:paraId="36CDC8A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16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9.99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0</w:t>
      </w:r>
    </w:p>
    <w:p w14:paraId="0F9886F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7     558.17                     Used    0</w:t>
      </w:r>
    </w:p>
    <w:p w14:paraId="697E7DB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8     129.99                     Used    0</w:t>
      </w:r>
    </w:p>
    <w:p w14:paraId="34A969A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9     250.00                     Used    0</w:t>
      </w:r>
    </w:p>
    <w:p w14:paraId="624666B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0     250.00                     Used    0</w:t>
      </w:r>
    </w:p>
    <w:p w14:paraId="41E00FF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1     284.99                     Used    0</w:t>
      </w:r>
    </w:p>
    <w:p w14:paraId="4BD05BA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2     196.00                     Used    0</w:t>
      </w:r>
    </w:p>
    <w:p w14:paraId="1358097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3     173.00                     Used    1</w:t>
      </w:r>
    </w:p>
    <w:p w14:paraId="33706CE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4      10.00 For parts or not working    1</w:t>
      </w:r>
    </w:p>
    <w:p w14:paraId="7B0FB79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5     265.00                     Used    0</w:t>
      </w:r>
    </w:p>
    <w:p w14:paraId="2503AAA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6     149.00                     Used    0</w:t>
      </w:r>
    </w:p>
    <w:p w14:paraId="18B6672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7       0.99 For parts or not working    1</w:t>
      </w:r>
    </w:p>
    <w:p w14:paraId="28A08D5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8     200.00                     Used    1</w:t>
      </w:r>
    </w:p>
    <w:p w14:paraId="325A858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9      59.99 For parts or not working    1</w:t>
      </w:r>
    </w:p>
    <w:p w14:paraId="55C1D78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0     110.00                     Used    0</w:t>
      </w:r>
    </w:p>
    <w:p w14:paraId="0876FC9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1     180.00                     Used    0</w:t>
      </w:r>
    </w:p>
    <w:p w14:paraId="57C4E17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2      89.99                     Used    1</w:t>
      </w:r>
    </w:p>
    <w:p w14:paraId="370A0C9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3      99.99                     Used    1</w:t>
      </w:r>
    </w:p>
    <w:p w14:paraId="1792A4F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[ reached 'max' /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getOption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("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max.print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") -- omitted 457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rows ]</w:t>
      </w:r>
      <w:proofErr w:type="gramEnd"/>
    </w:p>
    <w:p w14:paraId="6FCFB84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Print out the columns biddable to sold</w:t>
      </w:r>
    </w:p>
    <w:p w14:paraId="0EDE45A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d15mcfcktb"/>
          <w:rFonts w:ascii="Lucida Console" w:hAnsi="Lucida Console"/>
          <w:color w:val="0000FF"/>
        </w:rPr>
        <w:t>select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biddable:sold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0021FB7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biddabl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startprice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         condition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cellular  carrier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color storag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productline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sold</w:t>
      </w:r>
    </w:p>
    <w:p w14:paraId="32B8029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        0     249.99                     Used        0     None Space Gray      16     Unknown    0</w:t>
      </w:r>
    </w:p>
    <w:p w14:paraId="5848C50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          0     124.95                     Used        0     None    Unknown      16      iPad 1    0</w:t>
      </w:r>
    </w:p>
    <w:p w14:paraId="7ABAB7A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          1       0.99                     Used        1     AT&amp;T      White      16 iPad mini 2    1</w:t>
      </w:r>
    </w:p>
    <w:p w14:paraId="6823E73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          0     200.29       Seller refurbished        0     None      Black      16      iPad 3    0</w:t>
      </w:r>
    </w:p>
    <w:p w14:paraId="446A24B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          0     199.99          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Used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Unknown    Unknown      16      iPad 1    0</w:t>
      </w:r>
    </w:p>
    <w:p w14:paraId="370E498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          0     219.00 Manufacturer refurbish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iPad mini    1</w:t>
      </w:r>
    </w:p>
    <w:p w14:paraId="3A26C45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          0     127.99       Seller refurbish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   iPad 2    0</w:t>
      </w:r>
    </w:p>
    <w:p w14:paraId="7C46F55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          0     379.99                     Used        0     None      Black      16    iPad Air    0</w:t>
      </w:r>
    </w:p>
    <w:p w14:paraId="493F5CE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          0     164.99                     Used        0     None      White      16      iPad 2    0</w:t>
      </w:r>
    </w:p>
    <w:p w14:paraId="1EDCEB3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         0      79.99       Seller refurbished        1     AT&amp;T      Black      16      iPad 1    1</w:t>
      </w:r>
    </w:p>
    <w:p w14:paraId="1C38147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         0     189.99                     Used        1     AT&amp;T    Unknown      16   iPad mini    0</w:t>
      </w:r>
    </w:p>
    <w:p w14:paraId="2E74F1C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12         1      39.99                     Used        0     None      Black      16      iPad 1    1</w:t>
      </w:r>
    </w:p>
    <w:p w14:paraId="576BC75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3         1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    0     None      White      16  iPad Air 2    1</w:t>
      </w:r>
    </w:p>
    <w:p w14:paraId="5CCA437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         0      76.00                     Used        0     None      White      16     Unknown    0</w:t>
      </w:r>
    </w:p>
    <w:p w14:paraId="568B32A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5         0     140.00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White      16      iPad 2    0</w:t>
      </w:r>
    </w:p>
    <w:p w14:paraId="3523054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         0      80.00                     Used        0     None      White      16     Unknown    0</w:t>
      </w:r>
    </w:p>
    <w:p w14:paraId="1B8DB7F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         0     186.00                     Used        1     AT&amp;T      White      16     Unknown    0</w:t>
      </w:r>
    </w:p>
    <w:p w14:paraId="26D6D29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8         0     288.00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White      16      iPad 2    1</w:t>
      </w:r>
    </w:p>
    <w:p w14:paraId="1A5A11F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         0      89.00                     Used        1     AT&amp;T      White      16     Unknown    0</w:t>
      </w:r>
    </w:p>
    <w:p w14:paraId="0C6F4D0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0         0     171.00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White      16      iPad 2    0</w:t>
      </w:r>
    </w:p>
    <w:p w14:paraId="24E9DBE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1         0     162.00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White      16      iPad 2    0</w:t>
      </w:r>
    </w:p>
    <w:p w14:paraId="3AA6242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         0     227.00                     Used        1     AT&amp;T      White      16      iPad 1    0</w:t>
      </w:r>
    </w:p>
    <w:p w14:paraId="12C4DF7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3         0     280.00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White      16      iPad 4    0</w:t>
      </w:r>
    </w:p>
    <w:p w14:paraId="25BD3A5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         1     160.00 For parts or not working        0     None    Unknown      16      iPad 2    0</w:t>
      </w:r>
    </w:p>
    <w:p w14:paraId="6773BCD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         1      56.00                     Used        0     None    Unknown      16      iPad 1    1</w:t>
      </w:r>
    </w:p>
    <w:p w14:paraId="5E21A9B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         1      70.00                     Used        0     None      Black      16     Unknown    1</w:t>
      </w:r>
    </w:p>
    <w:p w14:paraId="4C7921E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         0     250.00                     Used        0     None      Black      16      iPad 4    1</w:t>
      </w:r>
    </w:p>
    <w:p w14:paraId="5E178DB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         0     500.00                     Used        1 T-Mobile    Unknown      16 iPad mini 2    0</w:t>
      </w:r>
    </w:p>
    <w:p w14:paraId="48A5632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         0     169.99                     Used        0     None Space Gray      16   iPad mini    0</w:t>
      </w:r>
    </w:p>
    <w:p w14:paraId="0BDA952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         1     100.00                     Used        0     None      White      16   iPad mini    1</w:t>
      </w:r>
    </w:p>
    <w:p w14:paraId="5B99EBC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         0     110.00                     Used        0     None      White      16      iPad 1    0</w:t>
      </w:r>
    </w:p>
    <w:p w14:paraId="3AF680D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         0     250.00                     Used        0     None    Unknown      16      iPad 3    0</w:t>
      </w:r>
    </w:p>
    <w:p w14:paraId="1DB897C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         0     250.00                     Used        0     None    Unknown      16      iPad 3    0</w:t>
      </w:r>
    </w:p>
    <w:p w14:paraId="4DA2D26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4         0     200.00       Seller refurbished        0     None    Unknown      16      iPad 3    0</w:t>
      </w:r>
    </w:p>
    <w:p w14:paraId="7A6EACF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5         0     250.00                     Used        0     None      Black      16      iPad 4    0</w:t>
      </w:r>
    </w:p>
    <w:p w14:paraId="02EE104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6         1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    0     None Space Gray      16   iPad mini    0</w:t>
      </w:r>
    </w:p>
    <w:p w14:paraId="01F3C64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7         1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9.99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    1   Sprint      White      16    iPad Air    1</w:t>
      </w:r>
    </w:p>
    <w:p w14:paraId="000A015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8         0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    0     None    Unknown      16   iPad mini    1</w:t>
      </w:r>
    </w:p>
    <w:p w14:paraId="1AE1260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9         0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49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    0     None      White      16  iPad Air 2    0</w:t>
      </w:r>
    </w:p>
    <w:p w14:paraId="4A7D008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0         1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49.99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Unknown  Unknown       Gold      16 iPad mini 3    0</w:t>
      </w:r>
    </w:p>
    <w:p w14:paraId="3889F97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1         0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4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    0     None    Unknown      16      iPad 2    0</w:t>
      </w:r>
    </w:p>
    <w:p w14:paraId="2035530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2         1     149.98 For parts or not working        0     None    Unknown      16      iPad 4    0</w:t>
      </w:r>
    </w:p>
    <w:p w14:paraId="38BE2D5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3         0      29.95 For parts or not working        0     None    Unknown      16      iPad 1    1</w:t>
      </w:r>
    </w:p>
    <w:p w14:paraId="72DE7CF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44         0      36.95 For parts or not working        0     None    Unknown      16      iPad 1    1</w:t>
      </w:r>
    </w:p>
    <w:p w14:paraId="5C6CA3B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5         0      36.95 For parts or not working        0     None    Unknown      16      iPad 1    1</w:t>
      </w:r>
    </w:p>
    <w:p w14:paraId="4ED2505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6         0      36.95 For parts or not working        0     None    Unknown      16      iPad 1    1</w:t>
      </w:r>
    </w:p>
    <w:p w14:paraId="7560184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7         0      36.95 For parts or not working        0     None    Unknown      16      iPad 1    0</w:t>
      </w:r>
    </w:p>
    <w:p w14:paraId="0290485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8         0     225.00          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Used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Unknown Space Gray      16     Unknown    0</w:t>
      </w:r>
    </w:p>
    <w:p w14:paraId="7434F94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9         0     261.99       Seller refurbished        1   Sprint      Black      16      iPad 4    0</w:t>
      </w:r>
    </w:p>
    <w:p w14:paraId="2F4B8B9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0         0     237.99       Seller refurbished        1     AT&amp;T      Black      16      iPad 4    0</w:t>
      </w:r>
    </w:p>
    <w:p w14:paraId="0037AB6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1         0     257.83       Seller refurbished        0     None Space Gray      16    iPad Air    0</w:t>
      </w:r>
    </w:p>
    <w:p w14:paraId="72B8409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2         0     274.99       Seller refurbished        1     AT&amp;T Space Gray      16    iPad Air    0</w:t>
      </w:r>
    </w:p>
    <w:p w14:paraId="2192284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3         1       0.99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16  iPad Air 2    1</w:t>
      </w:r>
    </w:p>
    <w:p w14:paraId="7F205B7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4         0     160.00                     Used        0     None    Unknown      16      iPad 2    1</w:t>
      </w:r>
    </w:p>
    <w:p w14:paraId="1763155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5         1      49.99                     Used        0     None    Unknown      16    iPad Air    1</w:t>
      </w:r>
    </w:p>
    <w:p w14:paraId="4F3599C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6         1       1.00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iPad mini    1</w:t>
      </w:r>
    </w:p>
    <w:p w14:paraId="5658F02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7         1     250.00                     Used        0     None      White      16    iPad Air    1</w:t>
      </w:r>
    </w:p>
    <w:p w14:paraId="2D0132D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8         0     147.59                     Used        0     None      Black      16      iPad 2    1</w:t>
      </w:r>
    </w:p>
    <w:p w14:paraId="2207A6C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9         0     174.99                     Used        0     None      Black      16      iPad 1    0</w:t>
      </w:r>
    </w:p>
    <w:p w14:paraId="1A95661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0         0     125.00                     Used        0     None    Unknown      16      iPad 2    1</w:t>
      </w:r>
    </w:p>
    <w:p w14:paraId="7079BB9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1         0     155.00 For parts or not working        0     None      White      16 iPad mini 2    0</w:t>
      </w:r>
    </w:p>
    <w:p w14:paraId="091DB39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2         1      45.00                     Used        0     None    Unknown      16      iPad 3    1</w:t>
      </w:r>
    </w:p>
    <w:p w14:paraId="53809DA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3         1       5.00                     Used        0     None    Unknown      16   iPad mini    0</w:t>
      </w:r>
    </w:p>
    <w:p w14:paraId="082DB13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4         1       0.99 For parts or not working        0     None      Black      16      iPad 4    1</w:t>
      </w:r>
    </w:p>
    <w:p w14:paraId="5BF3793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5         1     200.00                     Used        0     None      White      16      iPad 4    1</w:t>
      </w:r>
    </w:p>
    <w:p w14:paraId="267F349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6         1     279.00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 iPad Air    1</w:t>
      </w:r>
    </w:p>
    <w:p w14:paraId="7910478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7         0      90.00                     Used        0     None    Unknown      16      iPad 1    0</w:t>
      </w:r>
    </w:p>
    <w:p w14:paraId="0094463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8         0     300.00 Manufacturer refurbished        0     None      White      16      iPad 4    0</w:t>
      </w:r>
    </w:p>
    <w:p w14:paraId="53561C0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9         0      99.95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16      iPad 3    1</w:t>
      </w:r>
    </w:p>
    <w:p w14:paraId="297DD19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0         1       0.01                     Used        0     None      Black      16      iPad 3    1</w:t>
      </w:r>
    </w:p>
    <w:p w14:paraId="5ADDA69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1         0     250.00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White      16      iPad 3    0</w:t>
      </w:r>
    </w:p>
    <w:p w14:paraId="044D569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2         1      75.00                     Used        0     None      White      16      iPad 3    1</w:t>
      </w:r>
    </w:p>
    <w:p w14:paraId="2600716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3         1      99.99                     Used        0     None      White      16      iPad 2    1</w:t>
      </w:r>
    </w:p>
    <w:p w14:paraId="7A0AF78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4         0     399.00                     Used        0     None       Gold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  iPad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Air 2    0</w:t>
      </w:r>
    </w:p>
    <w:p w14:paraId="11C7971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5         1       0.99       Seller refurbish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 iPad Air    1</w:t>
      </w:r>
    </w:p>
    <w:p w14:paraId="30FD2B0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76         0     200.00                     Used        0     None      White      16   iPad mini    0</w:t>
      </w:r>
    </w:p>
    <w:p w14:paraId="7B693A5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7         0     155.00                     Used        0     None    Unknown      16      iPad 2    1</w:t>
      </w:r>
    </w:p>
    <w:p w14:paraId="0EEFB9F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8         1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0.00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    0     None    Unknown      16   iPad mini    1</w:t>
      </w:r>
    </w:p>
    <w:p w14:paraId="1DBD8ED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9         0     175.00                     Used        0     None      White      16      iPad 2    0</w:t>
      </w:r>
    </w:p>
    <w:p w14:paraId="0C1DE01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0         1     149.95                     Used        0     None Space Gray      16   iPad mini    1</w:t>
      </w:r>
    </w:p>
    <w:p w14:paraId="7129BFB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1         0     269.95                     Used        0     None      Black      16      iPad 3    0</w:t>
      </w:r>
    </w:p>
    <w:p w14:paraId="69ACE3F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2         0     199.99       Seller refurbished        0     None    Unknown      16      iPad 2    0</w:t>
      </w:r>
    </w:p>
    <w:p w14:paraId="28B33B5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3         0      85.00 For parts or not working        0     None      Black      16      iPad 2    0</w:t>
      </w:r>
    </w:p>
    <w:p w14:paraId="7EF8A86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84         0     165.00 For parts or not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working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Unknown    Unknown      16   iPad mini    0</w:t>
      </w:r>
    </w:p>
    <w:p w14:paraId="2460BCC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5         1       0.99       Seller refurbished        1     AT&amp;T      Black      16      iPad 1    1</w:t>
      </w:r>
    </w:p>
    <w:p w14:paraId="2E35E30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6         1       0.99       Seller refurbished        1     AT&amp;T      Black      16      iPad 1    1</w:t>
      </w:r>
    </w:p>
    <w:p w14:paraId="6454204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87         0     129.99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   iPad 2    0</w:t>
      </w:r>
    </w:p>
    <w:p w14:paraId="0A66D9E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8         0     165.00                     Used        0     None    Unknown      16      iPad 1    0</w:t>
      </w:r>
    </w:p>
    <w:p w14:paraId="26C2167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9         1       0.99                     Used        0     None       Gold      16 iPad mini 3    1</w:t>
      </w:r>
    </w:p>
    <w:p w14:paraId="7EE37DE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0         0     149.99                     Used        0     None      Black      16      iPad 2    1</w:t>
      </w:r>
    </w:p>
    <w:p w14:paraId="7862287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1         1     149.00                     Used        0     None      White      16   iPad mini    0</w:t>
      </w:r>
    </w:p>
    <w:p w14:paraId="68B7286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2         1       0.01                     Used        1     AT&amp;T    Unknown      16      iPad 2    1</w:t>
      </w:r>
    </w:p>
    <w:p w14:paraId="559518A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3         1       0.01                     Used        1     AT&amp;T    Unknown      16      iPad 2    1</w:t>
      </w:r>
    </w:p>
    <w:p w14:paraId="53DEE14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4         0     199.99                     Used        0     None      Black      16      iPad 4    1</w:t>
      </w:r>
    </w:p>
    <w:p w14:paraId="2876611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5         1      99.99                     Used        0     None      Black      16     Unknown    1</w:t>
      </w:r>
    </w:p>
    <w:p w14:paraId="6077EE4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6         1       0.99                     Used        0     None      White      16      iPad 2    1</w:t>
      </w:r>
    </w:p>
    <w:p w14:paraId="73FCC65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7         1       0.99                     Used        0     None      White      16      iPad 2    1</w:t>
      </w:r>
    </w:p>
    <w:p w14:paraId="43532DA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8         1      20.00                     Used        1     AT&amp;T      Black      16      iPad 1    1</w:t>
      </w:r>
    </w:p>
    <w:p w14:paraId="690A9B4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9         1     149.00                     Used        0     None Space Gray      16   iPad mini    1</w:t>
      </w:r>
    </w:p>
    <w:p w14:paraId="56F3130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0        0     128.00                     Used        1     AT&amp;T    Unknown      16      iPad 2    1</w:t>
      </w:r>
    </w:p>
    <w:p w14:paraId="462E14D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1        1      99.99                     Used        0     None      White      16   iPad mini    1</w:t>
      </w:r>
    </w:p>
    <w:p w14:paraId="70E33EE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2        1     184.99                     Used        0     None Space Gray      16    iPad Air    1</w:t>
      </w:r>
    </w:p>
    <w:p w14:paraId="58F0C48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3        1     199.00                     Used        1     AT&amp;T Space Gray      16    iPad Air    1</w:t>
      </w:r>
    </w:p>
    <w:p w14:paraId="27AFB00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4        1     229.00                     Used        0     None Space Gray      16    iPad Air    0</w:t>
      </w:r>
    </w:p>
    <w:p w14:paraId="1A00DF9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05        0     209.85 Manufacturer refurbish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iPad mini    0</w:t>
      </w:r>
    </w:p>
    <w:p w14:paraId="2E8ECF5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6        0     294.99 Manufacturer refurbished        0     None      White      16    iPad Air    0</w:t>
      </w:r>
    </w:p>
    <w:p w14:paraId="37B61A5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7        0     239.00       Seller refurbished        1   Sprint    Unknown      16   iPad mini    1</w:t>
      </w:r>
    </w:p>
    <w:p w14:paraId="601E847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 xml:space="preserve">108        0     249.99 Manufacturer refurbish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   iPad 4    0</w:t>
      </w:r>
    </w:p>
    <w:p w14:paraId="0DCC3D1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09        0     249.99 Manufacturer refurbish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   iPad 4    0</w:t>
      </w:r>
    </w:p>
    <w:p w14:paraId="6F508B3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0        0     134.95                     Used        0     None      Black      16      iPad 2    1</w:t>
      </w:r>
    </w:p>
    <w:p w14:paraId="7FF9EAC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1        0     265.00                     Used        0     None    Unknown      16      iPad 4    0</w:t>
      </w:r>
    </w:p>
    <w:p w14:paraId="31B216F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[ reached 'max' /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getOption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("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max.print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") -- omitted 679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rows ]</w:t>
      </w:r>
      <w:proofErr w:type="gramEnd"/>
    </w:p>
    <w:p w14:paraId="1828B14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mutate</w:t>
      </w:r>
    </w:p>
    <w:p w14:paraId="6C2550D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 Add the new variable var1 which calculates the ratio of storage to 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and save the result in p.</w:t>
      </w:r>
    </w:p>
    <w:p w14:paraId="6E9C6CA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p &lt;- </w:t>
      </w:r>
      <w:proofErr w:type="gramStart"/>
      <w:r>
        <w:rPr>
          <w:rStyle w:val="gd15mcfcktb"/>
          <w:rFonts w:ascii="Lucida Console" w:hAnsi="Lucida Console"/>
          <w:color w:val="0000FF"/>
        </w:rPr>
        <w:t>mutate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var1 = 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>/storage)</w:t>
      </w:r>
    </w:p>
    <w:p w14:paraId="020217D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Arrange p by price</w:t>
      </w:r>
    </w:p>
    <w:p w14:paraId="2558873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d15mcfcktb"/>
          <w:rFonts w:ascii="Lucida Console" w:hAnsi="Lucida Console"/>
          <w:color w:val="0000FF"/>
        </w:rPr>
        <w:t>arrange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50481E1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                                                                                       description biddable</w:t>
      </w:r>
    </w:p>
    <w:p w14:paraId="79B7A31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                                                                                             excellent        1</w:t>
      </w:r>
    </w:p>
    <w:p w14:paraId="14F956F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         Good condition fully functional. Does show some signs of wear but these were used in corporate         1</w:t>
      </w:r>
    </w:p>
    <w:p w14:paraId="3C89397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         Good condition fully functional. Does show some signs of wear but these were used in corporate         1</w:t>
      </w:r>
    </w:p>
    <w:p w14:paraId="776D480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                                                                             Great Condition, No charger        1</w:t>
      </w:r>
    </w:p>
    <w:p w14:paraId="3670A27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                                          In great condition and fully functional. Does not include box.        1</w:t>
      </w:r>
    </w:p>
    <w:p w14:paraId="1A16519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                                                                                   No marks or blemishes        1</w:t>
      </w:r>
    </w:p>
    <w:p w14:paraId="65446F2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                                   Screen is perfect with a few minor scratches on the back (see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photos)   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1</w:t>
      </w:r>
    </w:p>
    <w:p w14:paraId="0D68596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        Very good condition. Minor bumps and bruises. Only scratches on screen are in non-viewing black         1</w:t>
      </w:r>
    </w:p>
    <w:p w14:paraId="773B578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    This iPad is in very good condition. Includes charger. Slight scratches on back and small bend near         1</w:t>
      </w:r>
    </w:p>
    <w:p w14:paraId="3A9ABBD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                                                                                            Adult owned        1</w:t>
      </w:r>
    </w:p>
    <w:p w14:paraId="5D24746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                                                                    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4;Great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Working Condition&amp;#034;        1</w:t>
      </w:r>
    </w:p>
    <w:p w14:paraId="5A91883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                Clean ESN.  iCloud clear.  No charger is included.  Very good condition.  See pictures.        1</w:t>
      </w:r>
    </w:p>
    <w:p w14:paraId="1C22FA0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                                                              Cracked Screen, good condition otherwise.        1</w:t>
      </w:r>
    </w:p>
    <w:p w14:paraId="04DD93F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                                                               Excellent condition and fully functional        1</w:t>
      </w:r>
    </w:p>
    <w:p w14:paraId="4381320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                                                                                       FULLY FUNCTIONAL        1</w:t>
      </w:r>
    </w:p>
    <w:p w14:paraId="4E69408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                                                                                       FULLY FUNCTIONAL        1</w:t>
      </w:r>
    </w:p>
    <w:p w14:paraId="36DE9E1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                                                                     Fully functional. Great condition.        1</w:t>
      </w:r>
    </w:p>
    <w:p w14:paraId="1564BB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                                                                      Good Condition. Fully Functional.        1</w:t>
      </w:r>
    </w:p>
    <w:p w14:paraId="547A8FE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                                                                      Good Condition. Fully Functional.        1</w:t>
      </w:r>
    </w:p>
    <w:p w14:paraId="7CEF0EF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          In working condition, cosmetic damages to the housing that do not affect its function. Fully         1</w:t>
      </w:r>
    </w:p>
    <w:p w14:paraId="7A1E249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     Includes iPad only. Does not include USB/power cord, additional accessories or box. iPad is clean         1</w:t>
      </w:r>
    </w:p>
    <w:p w14:paraId="716DE53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  Includes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Pad only. Does not include USB/power cord, additional accessories or box. Shows some signs         1</w:t>
      </w:r>
    </w:p>
    <w:p w14:paraId="1FFEF8F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3    IPAD IS IN VERY GOOD CONDITION WITH NO MAJOR SCRATCHES TO SCREEN AND NO CRACKS OR DENT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....IPAD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S         1</w:t>
      </w:r>
    </w:p>
    <w:p w14:paraId="13A13BE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24                iPad Mini does not have any dents or heavy visible scratches, as shown in the pictures.        1</w:t>
      </w:r>
    </w:p>
    <w:p w14:paraId="2B83B42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5                                     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NLY.EXCELLENT USED CONDITION.VERY LIGHT WEAR AND TEAR ONLY.        1</w:t>
      </w:r>
    </w:p>
    <w:p w14:paraId="76A4297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6    It is Geek Squad certified. It was activated on February 4, 2015. It has the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one year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manufacturer         1</w:t>
      </w:r>
    </w:p>
    <w:p w14:paraId="12D6C10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                            Lightly Used Not Abused, Very Nice Used Condition with Minor Signs of Wear.        1</w:t>
      </w:r>
    </w:p>
    <w:p w14:paraId="53B6D4A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8    Looks brand new.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Doesn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t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have the box for it. Only has 1 scratch one it, very small. Not even         1</w:t>
      </w:r>
    </w:p>
    <w:p w14:paraId="2809A2C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                                                                              new digitizer and charger        1</w:t>
      </w:r>
    </w:p>
    <w:p w14:paraId="14B5788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                                                                              new digitizer and charger        1</w:t>
      </w:r>
    </w:p>
    <w:p w14:paraId="10DE295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   Non-Functioning Unit, handset only. Please refer to the item description below. Contact us with any         1</w:t>
      </w:r>
    </w:p>
    <w:p w14:paraId="35E4B4F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   Non-Functioning Unit, handset only. Please refer to the item description below. Contact us with any         1</w:t>
      </w:r>
    </w:p>
    <w:p w14:paraId="21FF30B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   Non-Functioning Unit, handset only. Please refer to the item description below. Contact us with any         1</w:t>
      </w:r>
    </w:p>
    <w:p w14:paraId="55FC8CC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4 Physically in GREAT shape; minor scratching-- so minor that I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couldn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t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get a clear photo of any.         1</w:t>
      </w:r>
    </w:p>
    <w:p w14:paraId="54B2C11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5                                                Please see images and refer closely to the description.        1</w:t>
      </w:r>
    </w:p>
    <w:p w14:paraId="68A715D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6   Previously used, please read description. May show signs of use such as scratches to the screen and         1</w:t>
      </w:r>
    </w:p>
    <w:p w14:paraId="6CFD4AD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7   Previously used, please read description. May show signs of use such as scratches to the screen and         1</w:t>
      </w:r>
    </w:p>
    <w:p w14:paraId="4C2E133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8      Refurbished by Best Buy Geek Squad Comes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With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Apple Manufactures Warranty Good till March 1, 2016        1</w:t>
      </w:r>
    </w:p>
    <w:p w14:paraId="1EA42CD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9                                                                            See Images and Description!        1</w:t>
      </w:r>
    </w:p>
    <w:p w14:paraId="1B58808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0  selling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my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mini  has a brand new screen  on it 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dont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know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whats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wrong  sometimes the it works         1</w:t>
      </w:r>
    </w:p>
    <w:p w14:paraId="2D48A2A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1                                                                       Slight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crack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n very top screen.        1</w:t>
      </w:r>
    </w:p>
    <w:p w14:paraId="5693A23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2                                                     Slight scratches and scuffs, Customize Blue Screen        1</w:t>
      </w:r>
    </w:p>
    <w:p w14:paraId="78C262B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3     There are many cracks on the screen of this iPad including a chip on the bottom right edge of the         1</w:t>
      </w:r>
    </w:p>
    <w:p w14:paraId="54518DF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4                                                                         This iPad has a bad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MEINo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USB        1</w:t>
      </w:r>
    </w:p>
    <w:p w14:paraId="57C0699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5       This iPad is functional. However, it has a cracked screen. Includes iPad only. Does not include         1</w:t>
      </w:r>
    </w:p>
    <w:p w14:paraId="0B9FA16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6                                                                             touch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scree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not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reponding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 1</w:t>
      </w:r>
    </w:p>
    <w:p w14:paraId="06005E5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7                                                      Used - Comes with charger. In Excellent Condition        1</w:t>
      </w:r>
    </w:p>
    <w:p w14:paraId="5730DD1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8                                 Used in good condition. Reset to factory settings. Includes otter box.        1</w:t>
      </w:r>
    </w:p>
    <w:p w14:paraId="089F9EB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9                                                 very clean no scratch new digitizer comes with the box        1</w:t>
      </w:r>
    </w:p>
    <w:p w14:paraId="6E99A68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0                                                                                   Work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fineiClou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lock        1</w:t>
      </w:r>
    </w:p>
    <w:p w14:paraId="179587A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1                                                                      Good Condition! Fully Functional!        1</w:t>
      </w:r>
    </w:p>
    <w:p w14:paraId="5E81844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2                                                                      Good Condition! Fully Functional!        1</w:t>
      </w:r>
    </w:p>
    <w:p w14:paraId="29BB9E1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3                                                                      Good Condition! Fully Functional!        1</w:t>
      </w:r>
    </w:p>
    <w:p w14:paraId="1DAD729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4        Includes iPad, charger, wall plug, and Apple iPad Smart Case. Front screen excellent condition         1</w:t>
      </w:r>
    </w:p>
    <w:p w14:paraId="2212ADB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5                          iPad shows essentially no signs of use. Smart cover has minimal signs of use.        1</w:t>
      </w:r>
    </w:p>
    <w:p w14:paraId="419F975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56                                                                         Item shows signs of heavy wear        1</w:t>
      </w:r>
    </w:p>
    <w:p w14:paraId="227E4F4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7   Non-Functioning Unit, handset only. Please refer to the item description below. Contact us with any         1</w:t>
      </w:r>
    </w:p>
    <w:p w14:paraId="62B4531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8   Non-Functioning Unit, handset only. Please refer to the item description below. Contact us with any         1</w:t>
      </w:r>
    </w:p>
    <w:p w14:paraId="3AE4CD0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9                                                               powering on but stuck on th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tunes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logo        1</w:t>
      </w:r>
    </w:p>
    <w:p w14:paraId="769A9BC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0                                                                        Small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dent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n upper left corner        1</w:t>
      </w:r>
    </w:p>
    <w:p w14:paraId="2456DC0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1        This iPad 3 is in great condition. It has been protected the whole time with a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ZooGue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case. No         1</w:t>
      </w:r>
    </w:p>
    <w:p w14:paraId="33442EB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2     Touch screen issue; handset only. Please refer to the item description below. Contact us with any         1</w:t>
      </w:r>
    </w:p>
    <w:p w14:paraId="59C02BF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3               used but always in case and has no dents or cracks.  works great with good battery life.        1</w:t>
      </w:r>
    </w:p>
    <w:p w14:paraId="3C62AF1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4                                      Used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tem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, has signs of normal wear. see pictures or description.        1</w:t>
      </w:r>
    </w:p>
    <w:p w14:paraId="30E4E15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5              USED. IN GOOD CONDITION. HAS SMALL CRACK ON TOP RIGHT CORNER. WIPED CLEAN. READY FOR USE.        1</w:t>
      </w:r>
    </w:p>
    <w:p w14:paraId="57A4F54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6  Works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great! No scratches on the screen or front. Camera is in good working condition.  The back has         1</w:t>
      </w:r>
    </w:p>
    <w:p w14:paraId="6E63AE7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7   works perfectly this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s in good conditions, but the screen goes and come, it need to be fix or         1</w:t>
      </w:r>
    </w:p>
    <w:p w14:paraId="0128F21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8                                                                                                   Good        1</w:t>
      </w:r>
    </w:p>
    <w:p w14:paraId="1ADCDEC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9                                 Minor signs of use on screen and back.  Nothing that affects function.        1</w:t>
      </w:r>
    </w:p>
    <w:p w14:paraId="265B8AD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0   Previously used, please read description. May show signs of use such as scratches to the screen and         1</w:t>
      </w:r>
    </w:p>
    <w:p w14:paraId="20EABDA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1    Stopped charging a few years ago, took to apple and they said the connector pin inside th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s         1</w:t>
      </w:r>
    </w:p>
    <w:p w14:paraId="68797EF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2         This a used Apple iPad 2 64GB, Wi-Fi, 9.7in - White (MC991LL/A) shows signs of wear, has been         1</w:t>
      </w:r>
    </w:p>
    <w:p w14:paraId="18080DF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3                                                              This iPad mini is in very nice condition.        1</w:t>
      </w:r>
    </w:p>
    <w:p w14:paraId="080CFBF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4  This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s a Seller refurbished item and will show signs of cosmetic use. The unit will be 100% working         1</w:t>
      </w:r>
    </w:p>
    <w:p w14:paraId="752A61B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5                                                                                             Very clean        1</w:t>
      </w:r>
    </w:p>
    <w:p w14:paraId="75F4359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6                                                                          New, sealed, box not included        1</w:t>
      </w:r>
    </w:p>
    <w:p w14:paraId="34B81EF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startprice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         condition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cellular  carrier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color storag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productline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sold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UniqueI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priceclass</w:t>
      </w:r>
      <w:proofErr w:type="spellEnd"/>
    </w:p>
    <w:p w14:paraId="1687FBF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      0.01                     Used        0     None      Black      16      iPad 3    1    10624          0</w:t>
      </w:r>
    </w:p>
    <w:p w14:paraId="79D9E23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        0.01                     Used        1     AT&amp;T    Unknown      16      iPad 2    1    10402          0</w:t>
      </w:r>
    </w:p>
    <w:p w14:paraId="36C8F7C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        0.01                     Used        1     AT&amp;T    Unknown      16      iPad 2    1    10659          0</w:t>
      </w:r>
    </w:p>
    <w:p w14:paraId="56D6815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        0.01                     Used        0     None    Unknown      16      iPad 2    1    10666          0</w:t>
      </w:r>
    </w:p>
    <w:p w14:paraId="7E2D67C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        0.01                     Used        0     None    Unknown      16      iPad 1    1    10446          0</w:t>
      </w:r>
    </w:p>
    <w:p w14:paraId="2EF2664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        0.01                     Used        0     None    Unknown      16   iPad mini    1    10543          0</w:t>
      </w:r>
    </w:p>
    <w:p w14:paraId="244B764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        0.01                     Used        0     None    Unknown      16      iPad 3    1    10542          0</w:t>
      </w:r>
    </w:p>
    <w:p w14:paraId="7E06827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        0.01                     Used        1     AT&amp;T    Unknown      16      iPad 2    1    10631          0</w:t>
      </w:r>
    </w:p>
    <w:p w14:paraId="5AC84AA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        0.01                     Used        0     None    Unknown      32      iPad 2    1    10781          0</w:t>
      </w:r>
    </w:p>
    <w:p w14:paraId="50E3C0E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0       0.01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128      iPad 4    1    10281          0</w:t>
      </w:r>
    </w:p>
    <w:p w14:paraId="4C6C43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11       0.99                     Used        1     AT&amp;T      White      16 iPad mini 2    1    10657          0</w:t>
      </w:r>
    </w:p>
    <w:p w14:paraId="70672AD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2       0.99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16  iPad Air 2    1    10198          0</w:t>
      </w:r>
    </w:p>
    <w:p w14:paraId="40E37F0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       0.99 For parts or not working        0     None      Black      16      iPad 4    1    11744          0</w:t>
      </w:r>
    </w:p>
    <w:p w14:paraId="728D125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4       0.99       Seller refurbish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16    iPad Air    1    11344          0</w:t>
      </w:r>
    </w:p>
    <w:p w14:paraId="2906B6C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       0.99       Seller refurbished        1     AT&amp;T      Black      16      iPad 1    1    10340          0</w:t>
      </w:r>
    </w:p>
    <w:p w14:paraId="019DE7D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       0.99       Seller refurbished        1     AT&amp;T      Black      16      iPad 1    1    10998          0</w:t>
      </w:r>
    </w:p>
    <w:p w14:paraId="21D4529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       0.99                     Used        0     None       Gold      16 iPad mini 3    1    10816          0</w:t>
      </w:r>
    </w:p>
    <w:p w14:paraId="69712DC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       0.99                     Used        0     None      White      16      iPad 2    1    10753          0</w:t>
      </w:r>
    </w:p>
    <w:p w14:paraId="35F5A56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       0.99                     Used        0     None      White      16      iPad 2    1    11313          0</w:t>
      </w:r>
    </w:p>
    <w:p w14:paraId="2BD7903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       0.99                     Used        1     AT&amp;T      Black      16      iPad 1    1    10708          0</w:t>
      </w:r>
    </w:p>
    <w:p w14:paraId="07C3D35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       0.99                     Used        0     None      Black      16      iPad 4    1    10966          0</w:t>
      </w:r>
    </w:p>
    <w:p w14:paraId="7E8E754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       0.99                     Used        0     None    Unknown      16    iPad Air    1    10912          0</w:t>
      </w:r>
    </w:p>
    <w:p w14:paraId="3A36477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       0.99       Seller refurbished        0     None      White      16      iPad 4    1    11831          0</w:t>
      </w:r>
    </w:p>
    <w:p w14:paraId="4F6060E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       0.99 For parts or not working        0     None Space Gray      16   iPad mini    1    11647          0</w:t>
      </w:r>
    </w:p>
    <w:p w14:paraId="3F7201A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       0.99                     Used        1 T-Mobile      Black      16 iPad mini 2    1    11096          0</w:t>
      </w:r>
    </w:p>
    <w:p w14:paraId="13B6B3B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6       0.99       Seller refurbished        0     None      White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  iPad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Air 2    1    10861          0</w:t>
      </w:r>
    </w:p>
    <w:p w14:paraId="631A69D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       0.99                     Used        0     None Space Gray      16   iPad mini    1    11213          0</w:t>
      </w:r>
    </w:p>
    <w:p w14:paraId="075A896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8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.99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    0     None      Black      16      iPad 1    1    10726          0</w:t>
      </w:r>
    </w:p>
    <w:p w14:paraId="37565F1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       0.99                     Used        0     None    Unknown      16      iPad 2    1    10220          0</w:t>
      </w:r>
    </w:p>
    <w:p w14:paraId="078B601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       0.99                     Used        0     None    Unknown      16      iPad 2    1    10223          0</w:t>
      </w:r>
    </w:p>
    <w:p w14:paraId="08F2C8B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       0.99 For parts or not working        0     None    Unknown      16      iPad 2    1    11681          0</w:t>
      </w:r>
    </w:p>
    <w:p w14:paraId="650B1DA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       0.99 For parts or not working        0     None    Unknown      16   iPad mini    1    11723          0</w:t>
      </w:r>
    </w:p>
    <w:p w14:paraId="767E3FB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       0.99 For parts or not working        0     None    Unknown      16    iPad Air    1    11730          0</w:t>
      </w:r>
    </w:p>
    <w:p w14:paraId="645FA02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4       0.99 For parts or not working        0     None      Black      16   iPad mini    1    11726          0</w:t>
      </w:r>
    </w:p>
    <w:p w14:paraId="438FF36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5       0.99                     Used        0     None      White      16   iPad mini    1    10174          0</w:t>
      </w:r>
    </w:p>
    <w:p w14:paraId="047A6EB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6       0.99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16      iPad 2    1    10002          0</w:t>
      </w:r>
    </w:p>
    <w:p w14:paraId="67F665A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7       0.99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16      iPad 2    1    10064          0</w:t>
      </w:r>
    </w:p>
    <w:p w14:paraId="72A7A01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8       0.99       Seller refurbish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Gold      16  iPad Air 2    1    10820          0</w:t>
      </w:r>
    </w:p>
    <w:p w14:paraId="23B4C6E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9       0.99                     Used        0     None Space Gray      16   iPad mini    1    11039          0</w:t>
      </w:r>
    </w:p>
    <w:p w14:paraId="693F693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0       0.99 For parts or not working        0     None      Black      16   iPad mini    1    11660          0</w:t>
      </w:r>
    </w:p>
    <w:p w14:paraId="40B3CF3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1       0.99                     Used        0     None      Black      16 iPad mini 3    1    10750          0</w:t>
      </w:r>
    </w:p>
    <w:p w14:paraId="4D20B32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2       0.99       Seller refurbished        0     None    Unknown      16      iPad 2    1    10397          0</w:t>
      </w:r>
    </w:p>
    <w:p w14:paraId="7A8631B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43       0.99 For parts or not working        0     None      Black      16   iPad mini    1    11689          0</w:t>
      </w:r>
    </w:p>
    <w:p w14:paraId="092E230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4       0.99 For parts or not working        1 T-Mobile      White      16    iPad Air    1    11654          0</w:t>
      </w:r>
    </w:p>
    <w:p w14:paraId="4A03A76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5       0.99 For parts or not working        0     None    Unknown      16 iPad mini 2    1    11652          0</w:t>
      </w:r>
    </w:p>
    <w:p w14:paraId="0938FF2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6       0.99 For parts or not working        0     None    Unknown      16      iPad 2    1    11620          0</w:t>
      </w:r>
    </w:p>
    <w:p w14:paraId="6AA1E0A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7       0.99                     Used        0     None Space Gray      16    iPad Air    1    10327          0</w:t>
      </w:r>
    </w:p>
    <w:p w14:paraId="5F350E5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8       0.99                     Used        1   Sprint      White      16    iPad Air    1    11474          0</w:t>
      </w:r>
    </w:p>
    <w:p w14:paraId="1173C9A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9       0.99                     Used        0     None    Unknown      16      iPad 2    1    10189          0</w:t>
      </w:r>
    </w:p>
    <w:p w14:paraId="220B6E9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0       0.99 For parts or not working        0     None      White      16      iPad 4    1    11603          0</w:t>
      </w:r>
    </w:p>
    <w:p w14:paraId="2B9EAB2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1       0.99       Seller refurbished        0     None      Black      32      iPad 1    1    10810          0</w:t>
      </w:r>
    </w:p>
    <w:p w14:paraId="0118497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2       0.99       Seller refurbished        0     None      Black      32      iPad 1    1    10881          0</w:t>
      </w:r>
    </w:p>
    <w:p w14:paraId="1BC7155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3       0.99       Seller refurbished        0     None      Black      32      iPad 1    1    11043          0</w:t>
      </w:r>
    </w:p>
    <w:p w14:paraId="3F8ADD3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4       0.99                     Used        0     None    Unknown      32      iPad 3    1    10152          0</w:t>
      </w:r>
    </w:p>
    <w:p w14:paraId="4D562D5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5       0.99                     Used        0     None Space Gray      32    iPad Air    1    11180          0</w:t>
      </w:r>
    </w:p>
    <w:p w14:paraId="7E16190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6       0.99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32   iPad mini    1    10305          0</w:t>
      </w:r>
    </w:p>
    <w:p w14:paraId="30CA104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7       0.99 For parts or not working        0     None    Unknown      32      iPad 4    1    11690          0</w:t>
      </w:r>
    </w:p>
    <w:p w14:paraId="52DE862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8       0.99 For parts or not working        0     None    Unknown      32   iPad mini    0    11691          0</w:t>
      </w:r>
    </w:p>
    <w:p w14:paraId="3DCE29C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9       0.99 For parts or not working        0     None    Unknown      32      iPad 3    1    11635          0</w:t>
      </w:r>
    </w:p>
    <w:p w14:paraId="2926022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0       0.99                     Used        0     None    Unknown      32      iPad 1    1    10450          0</w:t>
      </w:r>
    </w:p>
    <w:p w14:paraId="322C540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1       0.99                     Used        0     None      Black      32      iPad 3    1    10729          0</w:t>
      </w:r>
    </w:p>
    <w:p w14:paraId="699F5DB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2       0.99 For parts or not working        0     None    Unknown      32      iPad 4    1    11706          0</w:t>
      </w:r>
    </w:p>
    <w:p w14:paraId="21DA130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3       0.99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32      iPad 1    1    10360          0</w:t>
      </w:r>
    </w:p>
    <w:p w14:paraId="461921E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4       0.99                     Used        0     None      Black      32     Unknown    1    11406          0</w:t>
      </w:r>
    </w:p>
    <w:p w14:paraId="4D36686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5       0.99 For parts or not working        0     None    Unknown      32   iPad mini    1    11710          0</w:t>
      </w:r>
    </w:p>
    <w:p w14:paraId="3B4FBD7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6       0.99                     Used        1     AT&amp;T    Unknown      32   iPad mini    1    11085          0</w:t>
      </w:r>
    </w:p>
    <w:p w14:paraId="7D25333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7       0.99                     Used        0     None      Black      32   iPad mini    1    10885          0</w:t>
      </w:r>
    </w:p>
    <w:p w14:paraId="172B61F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8       0.99                     Used        0     None    Unknown      64      iPad 3    1    11100          0</w:t>
      </w:r>
    </w:p>
    <w:p w14:paraId="7658DF4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9       0.99                     Used        1     AT&amp;T      Black      64      iPad 1    1    10712          0</w:t>
      </w:r>
    </w:p>
    <w:p w14:paraId="4A7A44E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0       0.99                     Used        0     None    Unknown      64      iPad 2    1    10062          0</w:t>
      </w:r>
    </w:p>
    <w:p w14:paraId="4FB29FB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1       0.99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64      iPad 1    1    11621          0</w:t>
      </w:r>
    </w:p>
    <w:p w14:paraId="12A73AF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2       0.99                     Used        0     None      White      64      iPad 2    1    10617          0</w:t>
      </w:r>
    </w:p>
    <w:p w14:paraId="348D70F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3       0.99                     Used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Space Gray      64   iPad mini    1    11122          0</w:t>
      </w:r>
    </w:p>
    <w:p w14:paraId="3132A04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4       0.99       Seller refurbished        0     None      White      64      iPad 3    1    10579          0</w:t>
      </w:r>
    </w:p>
    <w:p w14:paraId="7E3B654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75       0.99                     Used        0     None      White      64      iPad 2    1    10863          0</w:t>
      </w:r>
    </w:p>
    <w:p w14:paraId="47A982C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6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.99  New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ther (see details)        0     None    Unknown     128  iPad Air 2    1    11115          0</w:t>
      </w:r>
    </w:p>
    <w:p w14:paraId="4D0ADD7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   var1</w:t>
      </w:r>
    </w:p>
    <w:p w14:paraId="34DE070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0.000625000</w:t>
      </w:r>
      <w:proofErr w:type="gramEnd"/>
    </w:p>
    <w:p w14:paraId="44C05C4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  0.000625000</w:t>
      </w:r>
      <w:proofErr w:type="gramEnd"/>
    </w:p>
    <w:p w14:paraId="229FF2B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  0.000625000</w:t>
      </w:r>
      <w:proofErr w:type="gramEnd"/>
    </w:p>
    <w:p w14:paraId="6D3047A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  0.000625000</w:t>
      </w:r>
      <w:proofErr w:type="gramEnd"/>
    </w:p>
    <w:p w14:paraId="7039A95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  0.000625000</w:t>
      </w:r>
      <w:proofErr w:type="gramEnd"/>
    </w:p>
    <w:p w14:paraId="6F220FC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  0.000625000</w:t>
      </w:r>
      <w:proofErr w:type="gramEnd"/>
    </w:p>
    <w:p w14:paraId="08C4F0E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  0.000625000</w:t>
      </w:r>
      <w:proofErr w:type="gramEnd"/>
    </w:p>
    <w:p w14:paraId="065BC2F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  0.000625000</w:t>
      </w:r>
      <w:proofErr w:type="gramEnd"/>
    </w:p>
    <w:p w14:paraId="0954264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  0.000312500</w:t>
      </w:r>
      <w:proofErr w:type="gramEnd"/>
    </w:p>
    <w:p w14:paraId="7C4E08E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0 0.000078125</w:t>
      </w:r>
    </w:p>
    <w:p w14:paraId="58B850D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 0.061875000</w:t>
      </w:r>
    </w:p>
    <w:p w14:paraId="320260E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 0.061875000</w:t>
      </w:r>
    </w:p>
    <w:p w14:paraId="204BA5F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 0.061875000</w:t>
      </w:r>
    </w:p>
    <w:p w14:paraId="112A520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 0.061875000</w:t>
      </w:r>
    </w:p>
    <w:p w14:paraId="1F9A1FA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 0.061875000</w:t>
      </w:r>
    </w:p>
    <w:p w14:paraId="76BD113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 0.061875000</w:t>
      </w:r>
    </w:p>
    <w:p w14:paraId="4E4AA37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 0.061875000</w:t>
      </w:r>
    </w:p>
    <w:p w14:paraId="206D7AC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 0.061875000</w:t>
      </w:r>
    </w:p>
    <w:p w14:paraId="230BCB6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 0.061875000</w:t>
      </w:r>
    </w:p>
    <w:p w14:paraId="1687279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 0.061875000</w:t>
      </w:r>
    </w:p>
    <w:p w14:paraId="5A06279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 0.061875000</w:t>
      </w:r>
    </w:p>
    <w:p w14:paraId="3929A8F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 0.061875000</w:t>
      </w:r>
    </w:p>
    <w:p w14:paraId="0E44E9A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 0.061875000</w:t>
      </w:r>
    </w:p>
    <w:p w14:paraId="04C442D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 0.061875000</w:t>
      </w:r>
    </w:p>
    <w:p w14:paraId="784450F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 0.061875000</w:t>
      </w:r>
    </w:p>
    <w:p w14:paraId="6FE4374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 0.061875000</w:t>
      </w:r>
    </w:p>
    <w:p w14:paraId="212892C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 0.061875000</w:t>
      </w:r>
    </w:p>
    <w:p w14:paraId="2C92BD5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 0.061875000</w:t>
      </w:r>
    </w:p>
    <w:p w14:paraId="1477B56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 0.061875000</w:t>
      </w:r>
    </w:p>
    <w:p w14:paraId="4F76629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 0.061875000</w:t>
      </w:r>
    </w:p>
    <w:p w14:paraId="0BB0391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 0.061875000</w:t>
      </w:r>
    </w:p>
    <w:p w14:paraId="028A9D6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 0.061875000</w:t>
      </w:r>
    </w:p>
    <w:p w14:paraId="1AC4D91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 0.061875000</w:t>
      </w:r>
    </w:p>
    <w:p w14:paraId="0CC970C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4 0.061875000</w:t>
      </w:r>
    </w:p>
    <w:p w14:paraId="26F81A7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5 0.061875000</w:t>
      </w:r>
    </w:p>
    <w:p w14:paraId="171D475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6 0.061875000</w:t>
      </w:r>
    </w:p>
    <w:p w14:paraId="5945A55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7 0.061875000</w:t>
      </w:r>
    </w:p>
    <w:p w14:paraId="5FE526A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8 0.061875000</w:t>
      </w:r>
    </w:p>
    <w:p w14:paraId="75083D3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9 0.061875000</w:t>
      </w:r>
    </w:p>
    <w:p w14:paraId="5821467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0 0.061875000</w:t>
      </w:r>
    </w:p>
    <w:p w14:paraId="0F98206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1 0.061875000</w:t>
      </w:r>
    </w:p>
    <w:p w14:paraId="5A20414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2 0.061875000</w:t>
      </w:r>
    </w:p>
    <w:p w14:paraId="2275E2B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3 0.061875000</w:t>
      </w:r>
    </w:p>
    <w:p w14:paraId="1F86713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4 0.061875000</w:t>
      </w:r>
    </w:p>
    <w:p w14:paraId="03B2782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5 0.061875000</w:t>
      </w:r>
    </w:p>
    <w:p w14:paraId="70B7CE2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6 0.061875000</w:t>
      </w:r>
    </w:p>
    <w:p w14:paraId="566C762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7 0.061875000</w:t>
      </w:r>
    </w:p>
    <w:p w14:paraId="19FE654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8 0.061875000</w:t>
      </w:r>
    </w:p>
    <w:p w14:paraId="4F7F3E5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9 0.061875000</w:t>
      </w:r>
    </w:p>
    <w:p w14:paraId="5F874D4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0 0.061875000</w:t>
      </w:r>
    </w:p>
    <w:p w14:paraId="64AC3CB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1 0.030937500</w:t>
      </w:r>
    </w:p>
    <w:p w14:paraId="3EA1FA7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2 0.030937500</w:t>
      </w:r>
    </w:p>
    <w:p w14:paraId="67138E9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3 0.030937500</w:t>
      </w:r>
    </w:p>
    <w:p w14:paraId="7451F00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4 0.030937500</w:t>
      </w:r>
    </w:p>
    <w:p w14:paraId="067206B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5 0.030937500</w:t>
      </w:r>
    </w:p>
    <w:p w14:paraId="5F78BA7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6 0.030937500</w:t>
      </w:r>
    </w:p>
    <w:p w14:paraId="3595C66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7 0.030937500</w:t>
      </w:r>
    </w:p>
    <w:p w14:paraId="4DE994E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8 0.030937500</w:t>
      </w:r>
    </w:p>
    <w:p w14:paraId="1502CEF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9 0.030937500</w:t>
      </w:r>
    </w:p>
    <w:p w14:paraId="27CBB50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60 0.030937500</w:t>
      </w:r>
    </w:p>
    <w:p w14:paraId="4CEC7D5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1 0.030937500</w:t>
      </w:r>
    </w:p>
    <w:p w14:paraId="279194D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2 0.030937500</w:t>
      </w:r>
    </w:p>
    <w:p w14:paraId="1707462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3 0.030937500</w:t>
      </w:r>
    </w:p>
    <w:p w14:paraId="0D1B4EC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4 0.030937500</w:t>
      </w:r>
    </w:p>
    <w:p w14:paraId="6BA96DB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5 0.030937500</w:t>
      </w:r>
    </w:p>
    <w:p w14:paraId="5DE2443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6 0.030937500</w:t>
      </w:r>
    </w:p>
    <w:p w14:paraId="4C5FEA3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7 0.030937500</w:t>
      </w:r>
    </w:p>
    <w:p w14:paraId="16AA147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8 0.015468750</w:t>
      </w:r>
    </w:p>
    <w:p w14:paraId="15DF8E5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9 0.015468750</w:t>
      </w:r>
    </w:p>
    <w:p w14:paraId="3C65790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0 0.015468750</w:t>
      </w:r>
    </w:p>
    <w:p w14:paraId="1BE0C2F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1 0.015468750</w:t>
      </w:r>
    </w:p>
    <w:p w14:paraId="18A3FA7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2 0.015468750</w:t>
      </w:r>
    </w:p>
    <w:p w14:paraId="65CB4E7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3 0.015468750</w:t>
      </w:r>
    </w:p>
    <w:p w14:paraId="438DF26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4 0.015468750</w:t>
      </w:r>
    </w:p>
    <w:p w14:paraId="3799956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5 0.015468750</w:t>
      </w:r>
    </w:p>
    <w:p w14:paraId="1A05D33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6 0.007734375</w:t>
      </w:r>
    </w:p>
    <w:p w14:paraId="6C85627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[ reached 'max' /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getOption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("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max.print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") -- omitted 714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rows ]</w:t>
      </w:r>
      <w:proofErr w:type="gramEnd"/>
    </w:p>
    <w:p w14:paraId="541F358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Arrange p so that condition is grouped</w:t>
      </w:r>
    </w:p>
    <w:p w14:paraId="4C54CB1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d15mcfcktb"/>
          <w:rFonts w:ascii="Lucida Console" w:hAnsi="Lucida Console"/>
          <w:color w:val="0000FF"/>
        </w:rPr>
        <w:t>arrange(</w:t>
      </w:r>
      <w:proofErr w:type="gramEnd"/>
      <w:r>
        <w:rPr>
          <w:rStyle w:val="gd15mcfcktb"/>
          <w:rFonts w:ascii="Lucida Console" w:hAnsi="Lucida Console"/>
          <w:color w:val="0000FF"/>
        </w:rPr>
        <w:t>p, condition)</w:t>
      </w:r>
    </w:p>
    <w:p w14:paraId="6C01004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                                                                                                description</w:t>
      </w:r>
    </w:p>
    <w:p w14:paraId="7D74C7C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              a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clou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lock that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s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why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m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selling it for parts as-is. Th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has signs of use such as few </w:t>
      </w:r>
    </w:p>
    <w:p w14:paraId="0422419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                                                                             BROKEN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DEVICE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: Problem with Apple ID</w:t>
      </w:r>
    </w:p>
    <w:p w14:paraId="313A2AC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                                          BROKEN: Device has at least one or more problems: \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nFor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Parts or Repair</w:t>
      </w:r>
    </w:p>
    <w:p w14:paraId="1F87B24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                                          BROKEN: Device has at least one or more problems: \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nFor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Parts or Repair</w:t>
      </w:r>
    </w:p>
    <w:p w14:paraId="33CEA75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                                          BROKEN: Device has at least one or more problems: \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nFor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Parts or Repair</w:t>
      </w:r>
    </w:p>
    <w:p w14:paraId="19F720E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                                          BROKEN: Device has at least one or more problems: \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nFor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Parts or Repair</w:t>
      </w:r>
    </w:p>
    <w:p w14:paraId="38B7204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                                          BROKEN: Device has at least one or more problems: \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nFor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Parts or Repair</w:t>
      </w:r>
    </w:p>
    <w:p w14:paraId="645D36A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                                                                       Cracked but works read first before buying</w:t>
      </w:r>
    </w:p>
    <w:p w14:paraId="6705903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9                                                                        Cracked Screen, good condition otherwise.</w:t>
      </w:r>
    </w:p>
    <w:p w14:paraId="5B7B2E2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0                  Device is in POOR used cosmetic condition with cracked outer glass. Color is White. Device is </w:t>
      </w:r>
    </w:p>
    <w:p w14:paraId="1FA67EA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1                                                                                             For Parts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Or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Repair</w:t>
      </w:r>
    </w:p>
    <w:p w14:paraId="5154FF5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2            Front glass has already been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removed,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they are ready for a new digitizer to be installed. They have </w:t>
      </w:r>
    </w:p>
    <w:p w14:paraId="44D49B6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3                                                                                                    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clou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lock</w:t>
      </w:r>
    </w:p>
    <w:p w14:paraId="2B5B70E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                                                               In good condition has a minor scratch on the back</w:t>
      </w:r>
    </w:p>
    <w:p w14:paraId="6E0617C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5             iPad is in good condition, has minimal wear and tear. iPad is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clou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locked. SOLD AS-IS! FOR PARTS </w:t>
      </w:r>
    </w:p>
    <w:p w14:paraId="7ACAA49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6                                       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s in good condition, minimal wear and tear.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s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clou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locked.</w:t>
      </w:r>
    </w:p>
    <w:p w14:paraId="4B197F1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                         iPad Mini does not have any dents or heavy visible scratches, as shown in the pictures.</w:t>
      </w:r>
    </w:p>
    <w:p w14:paraId="2C2D526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8            Non-Functioning Unit, handset only. Please refer to the item description below. Contact us with any </w:t>
      </w:r>
    </w:p>
    <w:p w14:paraId="61BFD47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9            Non-Functioning Unit, handset only. Please refer to the item description below. Contact us with any </w:t>
      </w:r>
    </w:p>
    <w:p w14:paraId="1747EF1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0            Non-Functioning Unit, handset only. Please refer to the item description below. Contact us with any </w:t>
      </w:r>
    </w:p>
    <w:p w14:paraId="3DAD29B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1          Physically in GREAT shape; minor scratching-- so minor that I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couldn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t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get a clear photo of any. </w:t>
      </w:r>
    </w:p>
    <w:p w14:paraId="372626D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 xml:space="preserve">22                                                                          Pin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locked,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home button does not work.</w:t>
      </w:r>
    </w:p>
    <w:p w14:paraId="4DAC423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                                                                                        Please Read. No Returns.</w:t>
      </w:r>
    </w:p>
    <w:p w14:paraId="647548D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                                                         Please scroll down to see pictures and full description</w:t>
      </w:r>
    </w:p>
    <w:p w14:paraId="0277580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5                                                                          READ DESCRIPTION SOLD AS IS NO RETURNS</w:t>
      </w:r>
    </w:p>
    <w:p w14:paraId="3779308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                        Screen is cracked and covered with tape. Appears to be functional otherwise. SOLD AS-IS.</w:t>
      </w:r>
    </w:p>
    <w:p w14:paraId="3F46998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7             Screen is cracked in multiple places, there is a hole in the top left of th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.  In need of new </w:t>
      </w:r>
    </w:p>
    <w:p w14:paraId="127CF0F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8              Screen turns OFF when pressure is applied on it by touching it. When applying pressure on another </w:t>
      </w:r>
    </w:p>
    <w:p w14:paraId="5E35FA0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                                                                                                      See below!</w:t>
      </w:r>
    </w:p>
    <w:p w14:paraId="57C6538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0           selling my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mini  has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a brand new screen  on it 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dont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know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whats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wrong  sometimes the it works </w:t>
      </w:r>
    </w:p>
    <w:p w14:paraId="6E806D7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1                         Some light scratches to the case and screen. Overall good condition. Please see photos.</w:t>
      </w:r>
    </w:p>
    <w:p w14:paraId="4FF34F6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2                The LCD looks good, bright and clear with no visible imperfections. The screen glass is in good </w:t>
      </w:r>
    </w:p>
    <w:p w14:paraId="4439397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3              There are many cracks on the screen of this iPad including a chip on the bottom right edge of the </w:t>
      </w:r>
    </w:p>
    <w:p w14:paraId="625D91E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4                                                                                  This iPad has a bad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MEINo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USB</w:t>
      </w:r>
    </w:p>
    <w:p w14:paraId="3AB2E2F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5                This iPad is functional. However, it has a cracked screen. Includes iPad only. Does not include </w:t>
      </w:r>
    </w:p>
    <w:p w14:paraId="7BBA29B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6             This iPad is ICLOUD LOCKED. You will not be able to use it. It is being sold for parts only. It is </w:t>
      </w:r>
    </w:p>
    <w:p w14:paraId="2FDE773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7           This iPad Mini 1st Gen sustained a very minor drop and the display glass was cracked on the top left </w:t>
      </w:r>
    </w:p>
    <w:p w14:paraId="048F717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8            This is </w:t>
      </w:r>
      <w:proofErr w:type="spellStart"/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a</w:t>
      </w:r>
      <w:proofErr w:type="spellEnd"/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Apple iPad 2 16GB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Wifi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only. The iPad has a cracked screen and bent corner(s). In the 2nd </w:t>
      </w:r>
    </w:p>
    <w:p w14:paraId="0DFF98F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9             This tablet is in great condition it totally working but need to reactivated is the only,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do not </w:t>
      </w:r>
    </w:p>
    <w:p w14:paraId="219C66A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0                                                                                      touch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scree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not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reponding</w:t>
      </w:r>
      <w:proofErr w:type="spellEnd"/>
    </w:p>
    <w:p w14:paraId="081A87C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1                 Unit has lots of scuffs and scratches from use. Parts of bezel are missing. Digitizer has been </w:t>
      </w:r>
    </w:p>
    <w:p w14:paraId="7CD7D43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2                                                                                            Work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fineiClou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lock</w:t>
      </w:r>
    </w:p>
    <w:p w14:paraId="7EF4B2D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3             Working Condition.  Shattered and missing glass around home button.  Several cracks running across </w:t>
      </w:r>
    </w:p>
    <w:p w14:paraId="0C7DEE4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4                                                                          Works great, just has a hairline crack</w:t>
      </w:r>
    </w:p>
    <w:p w14:paraId="562BADC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5               Broken Screen. Includes unit only, and nothing else. Unit is not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clou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locked. Disclaimer: This </w:t>
      </w:r>
    </w:p>
    <w:p w14:paraId="64B59E4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6         CLEAN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CLOUD..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NO LOCKS..WON&amp;#039;T POWER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ON..This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Pad has a bad power button and will not power on. I </w:t>
      </w:r>
    </w:p>
    <w:p w14:paraId="2685E97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7            CRACKED SCREEB - TOUCHSCREEN STILL WORKS - WAS RESET BACK TO FACTORY SETTINGS WITHOUT ISSUES - FIND </w:t>
      </w:r>
    </w:p>
    <w:p w14:paraId="7A5AC56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8             iPad has minor cracks in glass. Only minor crack or no cracks at all on actual viewing area. Fully </w:t>
      </w:r>
    </w:p>
    <w:p w14:paraId="0755248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9           iPad is cracked but fully functional. Everything works well and just needs the screen (digitizer) to </w:t>
      </w:r>
    </w:p>
    <w:p w14:paraId="6867ADA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0           iPad is cracked but fully functional. Everything works well and just needs the screen (digitizer) to </w:t>
      </w:r>
    </w:p>
    <w:p w14:paraId="6C7DD29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1           iPad is cracked but fully functional. Everything works well and just needs the screen (digitizer) to </w:t>
      </w:r>
    </w:p>
    <w:p w14:paraId="3205769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2                                                            iPad won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t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power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on..iPhone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s in average shape</w:t>
      </w:r>
    </w:p>
    <w:p w14:paraId="16A2BF6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3                                                    iPad would not update after last software upgrade from Apple</w:t>
      </w:r>
    </w:p>
    <w:p w14:paraId="7C953EE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54                                Item is fully functioning. It has a crack in the top right corner of the screen.</w:t>
      </w:r>
    </w:p>
    <w:p w14:paraId="049C4E5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5                                                                             Just broken screen still works fine</w:t>
      </w:r>
    </w:p>
    <w:p w14:paraId="7B76084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6            Non-Functioning Unit, handset only. Please refer to the item description below. Contact us with any </w:t>
      </w:r>
    </w:p>
    <w:p w14:paraId="7A28F0E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7            Non-Functioning Unit, handset only. Please refer to the item description below. Contact us with any </w:t>
      </w:r>
    </w:p>
    <w:p w14:paraId="0FAF794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8                         Please note that this unit is in working condition, but is locked with another Apple ID</w:t>
      </w:r>
    </w:p>
    <w:p w14:paraId="59CBA5A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9                                                                                   PLEASE READ DESCRIPTION BELOW</w:t>
      </w:r>
    </w:p>
    <w:p w14:paraId="749DE45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0                                                         Please scroll down to see pictures and full description</w:t>
      </w:r>
    </w:p>
    <w:p w14:paraId="684E733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1                                                                        powering on but stuck on th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tunes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logo</w:t>
      </w:r>
    </w:p>
    <w:p w14:paraId="24A6DE1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2   Th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won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t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power on. I set it on a charger for a while and nothing happened. Since I can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t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get </w:t>
      </w:r>
    </w:p>
    <w:p w14:paraId="30A2314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3                   This item is broken and does not function. It is being sold for parts only. See pictures for </w:t>
      </w:r>
    </w:p>
    <w:p w14:paraId="594866D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4              Touch screen issue; handset only. Please refer to the item description below. Contact us with any </w:t>
      </w:r>
    </w:p>
    <w:p w14:paraId="499E83A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5                       USED. IN GOOD CONDITION. HAS SMALL CRACK ON TOP RIGHT CORNER. WIPED CLEAN. READY FOR USE.</w:t>
      </w:r>
    </w:p>
    <w:p w14:paraId="612E4C7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6                    2 x iPad Air, 5 x iPad 4 &amp;amp; 1 x iPad 2 - None are iCloud Locked - Please Read Description</w:t>
      </w:r>
    </w:p>
    <w:p w14:paraId="4837D85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7                                                                                                          broken</w:t>
      </w:r>
    </w:p>
    <w:p w14:paraId="2173E93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8                                                                                                  Cracked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screen</w:t>
      </w:r>
      <w:proofErr w:type="gramEnd"/>
    </w:p>
    <w:p w14:paraId="76C6816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9                                                   Fully functional, Only cracked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Digitizer ,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Screen works great</w:t>
      </w:r>
    </w:p>
    <w:p w14:paraId="385F1C8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0                                  Item is fully functional it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s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just it won&amp;#039;t let me connect to iTunes</w:t>
      </w:r>
    </w:p>
    <w:p w14:paraId="33D5D48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1                  PLEASE READ THE ENTIRE DESCRIPTION! THE ANSWER TO YOUR QUESTION(S) ARE USUALLY ALREADY IN THE </w:t>
      </w:r>
    </w:p>
    <w:p w14:paraId="2D476AC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2                  PLEASE READ THE ENTIRE DESCRIPTION! THE ANSWER TO YOUR QUESTION(S) ARE USUALLY ALREADY IN THE </w:t>
      </w:r>
    </w:p>
    <w:p w14:paraId="27D83A6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3                                                         Please scroll down to see pictures and full description</w:t>
      </w:r>
    </w:p>
    <w:p w14:paraId="2D460AD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4             Stopped charging a few years ago, took to apple and they said the connector pin inside th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ipad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is </w:t>
      </w:r>
    </w:p>
    <w:p w14:paraId="7319B5A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5 The display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doesn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t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work, will need a new screen, SOLD AS IS, price reflected.  Being that it&amp;#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39;s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sold </w:t>
      </w:r>
    </w:p>
    <w:p w14:paraId="3C5A13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6                                                          WORKING! Cracked screen and dented corners, see photos</w:t>
      </w:r>
    </w:p>
    <w:p w14:paraId="66AB9EF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biddabl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startprice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         condition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cellular  carrier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color storage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productline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sold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UniqueID</w:t>
      </w:r>
      <w:proofErr w:type="spellEnd"/>
    </w:p>
    <w:p w14:paraId="60FE7F2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       1     160.00 For parts or not working        0     None    Unknown      16      iPad 2    0    11685</w:t>
      </w:r>
    </w:p>
    <w:p w14:paraId="1E6042E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         1     149.98 For parts or not working        0     None    Unknown      16      iPad 4    0    11683</w:t>
      </w:r>
    </w:p>
    <w:p w14:paraId="6DF33B9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         0      29.95 For parts or not working        0     None    Unknown      16      iPad 1    1    11609</w:t>
      </w:r>
    </w:p>
    <w:p w14:paraId="2741AEA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         0      36.95 For parts or not working        0     None    Unknown      16      iPad 1    1    11721</w:t>
      </w:r>
    </w:p>
    <w:p w14:paraId="1DD6095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         0      36.95 For parts or not working        0     None    Unknown      16      iPad 1    1    11738</w:t>
      </w:r>
    </w:p>
    <w:p w14:paraId="373061A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         0      36.95 For parts or not working        0     None    Unknown      16      iPad 1    1    11812</w:t>
      </w:r>
    </w:p>
    <w:p w14:paraId="561F663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         0      36.95 For parts or not working        0     None    Unknown      16      iPad 1    0    11844</w:t>
      </w:r>
    </w:p>
    <w:p w14:paraId="0DA0187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8         0     155.00 For parts or not working        0     None      White      16 iPad mini 2    0    11768</w:t>
      </w:r>
    </w:p>
    <w:p w14:paraId="51D6EBE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9         1       0.99 For parts or not working        0     None      Black      16      iPad 4    1    11744</w:t>
      </w:r>
    </w:p>
    <w:p w14:paraId="3D2443D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0        0      99.95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16      iPad 3    1    11735</w:t>
      </w:r>
    </w:p>
    <w:p w14:paraId="334ABFC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1        0      85.00 For parts or not working        0     None      Black      16      iPad 2    0    11756</w:t>
      </w:r>
    </w:p>
    <w:p w14:paraId="55AB419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2        0     165.00 For parts or not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working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Unknown    Unknown      16   iPad mini    0    11750</w:t>
      </w:r>
    </w:p>
    <w:p w14:paraId="26009FC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3        0     129.99 For parts or not working        0     None      White      16      iPad 2    0    11610</w:t>
      </w:r>
    </w:p>
    <w:p w14:paraId="00FDEE7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        0     199.00 For parts or not working        0     None    Unknown      16   iPad mini    0    11752</w:t>
      </w:r>
    </w:p>
    <w:p w14:paraId="28B2BB1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5        0      66.99 For parts or not working        0     None    Unknown      16      iPad 2    0    11751</w:t>
      </w:r>
    </w:p>
    <w:p w14:paraId="6BBFB24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        0      74.99 For parts or not working        0     None    Unknown      16   iPad mini    0    11801</w:t>
      </w:r>
    </w:p>
    <w:p w14:paraId="3428169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7        1       0.99 For parts or not working        0     None Space Gray      16   iPad mini    1    11647</w:t>
      </w:r>
    </w:p>
    <w:p w14:paraId="00F8772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8        1       0.99 For parts or not working        0     None    Unknown      16      iPad 2    1    11681</w:t>
      </w:r>
    </w:p>
    <w:p w14:paraId="56FFDF2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9        1       0.99 For parts or not working        0     None    Unknown      16   iPad mini    1    11723</w:t>
      </w:r>
    </w:p>
    <w:p w14:paraId="31206F5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0        1       0.99 For parts or not working        0     None    Unknown      16    iPad Air    1    11730</w:t>
      </w:r>
    </w:p>
    <w:p w14:paraId="445BA32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1        1       0.99 For parts or not working        0     None      Black      16   iPad mini    1    11726</w:t>
      </w:r>
    </w:p>
    <w:p w14:paraId="0A8E435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2        0     129.95 For parts or not working        0     None      Black      16      iPad 2    0    11673</w:t>
      </w:r>
    </w:p>
    <w:p w14:paraId="0EBA415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3        0      69.95 For parts or not working        0     None    Unknown      16      iPad 2    0    11614</w:t>
      </w:r>
    </w:p>
    <w:p w14:paraId="1A696D3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4        0      29.99 For parts or not working        1     AT&amp;T      Black      16      iPad 1    1    11707</w:t>
      </w:r>
    </w:p>
    <w:p w14:paraId="598EA85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5        0     157.00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16      iPad 2    0    11684</w:t>
      </w:r>
    </w:p>
    <w:p w14:paraId="50DC427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6        0      89.99 For parts or not working        0     None    Unknown      16      iPad 2    0    11698</w:t>
      </w:r>
    </w:p>
    <w:p w14:paraId="2CEF49B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7        1     100.00 For parts or not working        0     None      White      16    iPad Air    1    11762</w:t>
      </w:r>
    </w:p>
    <w:p w14:paraId="72EBD3E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8        1      20.00 For parts or not working        0     None Space Gray      16   iPad mini    1    11717</w:t>
      </w:r>
    </w:p>
    <w:p w14:paraId="5C2E6B9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        0     209.90 For parts or not working        0     None    Unknown      16      iPad 1    0    11724</w:t>
      </w:r>
    </w:p>
    <w:p w14:paraId="7BE24BC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0        1       0.99 For parts or not working        0     None      Black      16   iPad mini    1    11660</w:t>
      </w:r>
    </w:p>
    <w:p w14:paraId="33812B6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1        0      99.99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16      iPad 3    0    11745</w:t>
      </w:r>
    </w:p>
    <w:p w14:paraId="7D6A73F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2        1      19.95 For parts or not working        0     None      White      16      iPad 2    1    11785</w:t>
      </w:r>
    </w:p>
    <w:p w14:paraId="77EFC65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3        1       0.99 For parts or not working        0     None      Black      16   iPad mini    1    11689</w:t>
      </w:r>
    </w:p>
    <w:p w14:paraId="4499AC8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4        1       0.99 For parts or not working        1 T-Mobile      White      16    iPad Air    1    11654</w:t>
      </w:r>
    </w:p>
    <w:p w14:paraId="567CDA0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5        1       0.99 For parts or not working        0     None    Unknown      16 iPad mini 2    1    11652</w:t>
      </w:r>
    </w:p>
    <w:p w14:paraId="0EC4818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6        0     229.98 For parts or not working        0     None Space Gray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6  iPad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Air 2    0    11612</w:t>
      </w:r>
    </w:p>
    <w:p w14:paraId="23AADD9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7        1       9.99 For parts or not working        0     None      White      16   iPad mini    1    11732</w:t>
      </w:r>
    </w:p>
    <w:p w14:paraId="6D0465E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8        0      89.99 For parts or not working        0     None      White      16      iPad 2    0    11640</w:t>
      </w:r>
    </w:p>
    <w:p w14:paraId="5CC69D5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9        1      10.00 For parts or not working        0     None    Unknown      16   iPad mini    1    11628</w:t>
      </w:r>
    </w:p>
    <w:p w14:paraId="4A8F22F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0        1       0.99 For parts or not working        0     None    Unknown      16      iPad 2    1    11620</w:t>
      </w:r>
    </w:p>
    <w:p w14:paraId="703E44E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 xml:space="preserve">41        0      59.99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16      iPad 2    1    11852</w:t>
      </w:r>
    </w:p>
    <w:p w14:paraId="1FE77CC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2        1       0.99 For parts or not working        0     None      White      16      iPad 4    1    11603</w:t>
      </w:r>
    </w:p>
    <w:p w14:paraId="0EAAFD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3        0     144.50 For parts or not working        0     None      Black      16      iPad 4    1    11702</w:t>
      </w:r>
    </w:p>
    <w:p w14:paraId="50CC8A4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4        1      74.99 For parts or not working        0     None      Black      16      iPad 2    1    11669</w:t>
      </w:r>
    </w:p>
    <w:p w14:paraId="51E1405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5        0      55.66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White      32      iPad 1    1    11753</w:t>
      </w:r>
    </w:p>
    <w:p w14:paraId="496D800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6        1      15.00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32      iPad 1    1    11611</w:t>
      </w:r>
    </w:p>
    <w:p w14:paraId="08D5582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7        0     129.95 For parts or not working        1     AT&amp;T      Black      32   iPad mini    0    11824</w:t>
      </w:r>
    </w:p>
    <w:p w14:paraId="7BA367D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8        0     129.95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32      iPad 2    0    11675</w:t>
      </w:r>
    </w:p>
    <w:p w14:paraId="46D3B29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49        0     128.00 For parts or not working        0     None      White      32      iPad 3    0    11643</w:t>
      </w:r>
    </w:p>
    <w:p w14:paraId="4277451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0        0     128.00 For parts or not working        0     None      White      32      iPad 3    0    11658</w:t>
      </w:r>
    </w:p>
    <w:p w14:paraId="74A15A7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1        0     128.00 For parts or not working        0     None      White      32      iPad 3    0    11739</w:t>
      </w:r>
    </w:p>
    <w:p w14:paraId="6D18776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2        1     100.00 For parts or not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working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Unknown    Unknown      32      iPad 1    0    11718</w:t>
      </w:r>
    </w:p>
    <w:p w14:paraId="5EA95AB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3        1      25.00 For parts or not working        0     None    Unknown      32      iPad 3    1    11624</w:t>
      </w:r>
    </w:p>
    <w:p w14:paraId="220B315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4        1     150.00 For parts or not working        0     None    Unknown      32      iPad 3    0    11713</w:t>
      </w:r>
    </w:p>
    <w:p w14:paraId="2271D72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5        1      25.00 For parts or not working        0     None      White      32   iPad mini    1    11661</w:t>
      </w:r>
    </w:p>
    <w:p w14:paraId="04573A7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6        1       0.99 For parts or not working        0     None    Unknown      32      iPad 4    1    11690</w:t>
      </w:r>
    </w:p>
    <w:p w14:paraId="216A145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7        1       0.99 For parts or not working        0     None    Unknown      32   iPad mini    0    11691</w:t>
      </w:r>
    </w:p>
    <w:p w14:paraId="7D9BEB4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58        1     179.99 For parts or not working        0     None    Unknown      32    iPad Air    0    11651</w:t>
      </w:r>
    </w:p>
    <w:p w14:paraId="619F000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9        0     119.88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32      iPad 4    0    11599</w:t>
      </w:r>
    </w:p>
    <w:p w14:paraId="2BD0ED9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0        0      52.99 For parts or not working        1     AT&amp;T      Black      32      iPad 1    1    11727</w:t>
      </w:r>
    </w:p>
    <w:p w14:paraId="093702D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1        1       0.99 For parts or not working        0     None    Unknown      32      iPad 3    1    11635</w:t>
      </w:r>
    </w:p>
    <w:p w14:paraId="1E757F5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2        1      15.00 For parts or not working        1     AT&amp;T    Unknown      32      iPad 1    1    11598</w:t>
      </w:r>
    </w:p>
    <w:p w14:paraId="1CA25EF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3        1     224.99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Verizo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Unknown      32      iPad 4    0    11693</w:t>
      </w:r>
    </w:p>
    <w:p w14:paraId="1C22962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4        1       0.99 For parts or not working        0     None    Unknown      32      iPad 4    1    11706</w:t>
      </w:r>
    </w:p>
    <w:p w14:paraId="75E64CB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5        1       0.99 For parts or not working        0     None    Unknown      32   iPad mini    1    11710</w:t>
      </w:r>
    </w:p>
    <w:p w14:paraId="1F1B36A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6        1       9.99 For parts or not working        1     AT&amp;T    Unknown      64      iPad 3    1    11778</w:t>
      </w:r>
    </w:p>
    <w:p w14:paraId="720C2A2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7        0      69.69 For parts or not working        0     None    Unknown      64      iPad 3    1    11596</w:t>
      </w:r>
    </w:p>
    <w:p w14:paraId="57B9648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8        1       1.00 For parts or not working        0     None    Unknown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4  iPad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Air 2    1    11688</w:t>
      </w:r>
    </w:p>
    <w:p w14:paraId="7E521A0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9        0     399.99 For parts or not working        1     AT&amp;T    Unknown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64  iPad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Air 2    0    11682</w:t>
      </w:r>
    </w:p>
    <w:p w14:paraId="2EBE7FD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0        1      75.00 For parts or not working        0     None    Unknown      64      iPad 2    1    11737</w:t>
      </w:r>
    </w:p>
    <w:p w14:paraId="5D3A9B7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1        1      40.00 For parts or not working        0     None    Unknown      64      iPad 2    1    11646</w:t>
      </w:r>
    </w:p>
    <w:p w14:paraId="2C6C027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2        1      40.00 For parts or not working        0     None    Unknown      64      iPad 2    1    11667</w:t>
      </w:r>
    </w:p>
    <w:p w14:paraId="46A6A8C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>73        0      54.99 For parts or not working        1     AT&amp;T      Black      64      iPad 1    1    11676</w:t>
      </w:r>
    </w:p>
    <w:p w14:paraId="02A6B51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4        1       0.99 For parts or not working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Unknown</w:t>
      </w:r>
      <w:proofErr w:type="gram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Black      64      iPad 1    1    11621</w:t>
      </w:r>
    </w:p>
    <w:p w14:paraId="507CF29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5        1      49.99 For parts or not working        0     None      Black      64      iPad 1    1    11680</w:t>
      </w:r>
    </w:p>
    <w:p w14:paraId="647270A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76        1      92.00 For parts or not working        0     None    Unknown      64      iPad 2    1    11650</w:t>
      </w:r>
    </w:p>
    <w:p w14:paraId="1558AE8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priceclass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       var1</w:t>
      </w:r>
    </w:p>
    <w:p w14:paraId="062D490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         0 10.00000000</w:t>
      </w:r>
    </w:p>
    <w:p w14:paraId="1257DB1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9.37375000</w:t>
      </w:r>
      <w:proofErr w:type="gramEnd"/>
    </w:p>
    <w:p w14:paraId="4F7D3F7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1.87187500</w:t>
      </w:r>
      <w:proofErr w:type="gramEnd"/>
    </w:p>
    <w:p w14:paraId="12F7F1C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2.30937500</w:t>
      </w:r>
      <w:proofErr w:type="gramEnd"/>
    </w:p>
    <w:p w14:paraId="4D0402D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2.30937500</w:t>
      </w:r>
      <w:proofErr w:type="gramEnd"/>
    </w:p>
    <w:p w14:paraId="2DEDC2E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2.30937500</w:t>
      </w:r>
      <w:proofErr w:type="gramEnd"/>
    </w:p>
    <w:p w14:paraId="155A043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2.30937500</w:t>
      </w:r>
      <w:proofErr w:type="gramEnd"/>
    </w:p>
    <w:p w14:paraId="39614B1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8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9.68750000</w:t>
      </w:r>
      <w:proofErr w:type="gramEnd"/>
    </w:p>
    <w:p w14:paraId="648B5EC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9 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51C0619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0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6.24687500</w:t>
      </w:r>
      <w:proofErr w:type="gramEnd"/>
    </w:p>
    <w:p w14:paraId="5C6DDC5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1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5.31250000</w:t>
      </w:r>
      <w:proofErr w:type="gramEnd"/>
    </w:p>
    <w:p w14:paraId="7DABC03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2          0 10.31250000</w:t>
      </w:r>
    </w:p>
    <w:p w14:paraId="40F8DA9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3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8.12437500</w:t>
      </w:r>
      <w:proofErr w:type="gramEnd"/>
    </w:p>
    <w:p w14:paraId="25E59A2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4          1 12.43750000</w:t>
      </w:r>
    </w:p>
    <w:p w14:paraId="7457D42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5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18687500</w:t>
      </w:r>
      <w:proofErr w:type="gramEnd"/>
    </w:p>
    <w:p w14:paraId="6873FF3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6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68687500</w:t>
      </w:r>
      <w:proofErr w:type="gramEnd"/>
    </w:p>
    <w:p w14:paraId="4513C43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7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225B51E4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8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24615E7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19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46729FE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0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366D272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1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1482D80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2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8.12187500</w:t>
      </w:r>
      <w:proofErr w:type="gramEnd"/>
    </w:p>
    <w:p w14:paraId="7AA689D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3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37187500</w:t>
      </w:r>
      <w:proofErr w:type="gramEnd"/>
    </w:p>
    <w:p w14:paraId="6202DC4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4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1.87437500</w:t>
      </w:r>
      <w:proofErr w:type="gramEnd"/>
    </w:p>
    <w:p w14:paraId="22C8EA8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5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9.81250000</w:t>
      </w:r>
      <w:proofErr w:type="gramEnd"/>
    </w:p>
    <w:p w14:paraId="10DB18D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6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5.62437500</w:t>
      </w:r>
      <w:proofErr w:type="gramEnd"/>
    </w:p>
    <w:p w14:paraId="4055908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7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6.25000000</w:t>
      </w:r>
      <w:proofErr w:type="gramEnd"/>
    </w:p>
    <w:p w14:paraId="2D9583E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28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1.25000000</w:t>
      </w:r>
      <w:proofErr w:type="gramEnd"/>
    </w:p>
    <w:p w14:paraId="5BF0E82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29          1 13.11875000</w:t>
      </w:r>
    </w:p>
    <w:p w14:paraId="440676A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0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4702F31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1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6.24937500</w:t>
      </w:r>
      <w:proofErr w:type="gramEnd"/>
    </w:p>
    <w:p w14:paraId="5735381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2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1.24687500</w:t>
      </w:r>
      <w:proofErr w:type="gramEnd"/>
    </w:p>
    <w:p w14:paraId="2FB67A3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3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067A727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4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2286B9D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5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259543A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36          1 14.37375000</w:t>
      </w:r>
    </w:p>
    <w:p w14:paraId="6A522F5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7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62437500</w:t>
      </w:r>
      <w:proofErr w:type="gramEnd"/>
    </w:p>
    <w:p w14:paraId="6DF01C1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8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5.62437500</w:t>
      </w:r>
      <w:proofErr w:type="gramEnd"/>
    </w:p>
    <w:p w14:paraId="2F726A4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39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62500000</w:t>
      </w:r>
      <w:proofErr w:type="gramEnd"/>
    </w:p>
    <w:p w14:paraId="53633FF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0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2199C65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1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3.74937500</w:t>
      </w:r>
      <w:proofErr w:type="gramEnd"/>
    </w:p>
    <w:p w14:paraId="235AC8C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2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6187500</w:t>
      </w:r>
      <w:proofErr w:type="gramEnd"/>
    </w:p>
    <w:p w14:paraId="6CD4631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3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9.03125000</w:t>
      </w:r>
      <w:proofErr w:type="gramEnd"/>
    </w:p>
    <w:p w14:paraId="2AEA2E1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4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68687500</w:t>
      </w:r>
      <w:proofErr w:type="gramEnd"/>
    </w:p>
    <w:p w14:paraId="74F60B6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5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1.73937500</w:t>
      </w:r>
      <w:proofErr w:type="gramEnd"/>
    </w:p>
    <w:p w14:paraId="1E1F73D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6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46875000</w:t>
      </w:r>
      <w:proofErr w:type="gramEnd"/>
    </w:p>
    <w:p w14:paraId="37ABAC4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7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06093750</w:t>
      </w:r>
      <w:proofErr w:type="gramEnd"/>
    </w:p>
    <w:p w14:paraId="4FFD5AA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8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06093750</w:t>
      </w:r>
      <w:proofErr w:type="gramEnd"/>
    </w:p>
    <w:p w14:paraId="458C060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49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00000000</w:t>
      </w:r>
      <w:proofErr w:type="gramEnd"/>
    </w:p>
    <w:p w14:paraId="27D0CF7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0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00000000</w:t>
      </w:r>
      <w:proofErr w:type="gramEnd"/>
    </w:p>
    <w:p w14:paraId="10B4625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1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00000000</w:t>
      </w:r>
      <w:proofErr w:type="gramEnd"/>
    </w:p>
    <w:p w14:paraId="732DC0C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2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3.12500000</w:t>
      </w:r>
      <w:proofErr w:type="gramEnd"/>
    </w:p>
    <w:p w14:paraId="3D4A7BD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3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78125000</w:t>
      </w:r>
      <w:proofErr w:type="gramEnd"/>
    </w:p>
    <w:p w14:paraId="6D7D1129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4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4.68750000</w:t>
      </w:r>
      <w:proofErr w:type="gramEnd"/>
    </w:p>
    <w:p w14:paraId="720844F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5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78125000</w:t>
      </w:r>
      <w:proofErr w:type="gramEnd"/>
    </w:p>
    <w:p w14:paraId="424B5163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lastRenderedPageBreak/>
        <w:t xml:space="preserve">56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3093750</w:t>
      </w:r>
      <w:proofErr w:type="gramEnd"/>
    </w:p>
    <w:p w14:paraId="5E7E14B6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7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3093750</w:t>
      </w:r>
      <w:proofErr w:type="gramEnd"/>
    </w:p>
    <w:p w14:paraId="25ED6A7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8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5.62468750</w:t>
      </w:r>
      <w:proofErr w:type="gramEnd"/>
    </w:p>
    <w:p w14:paraId="201A946D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59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3.74625000</w:t>
      </w:r>
      <w:proofErr w:type="gramEnd"/>
    </w:p>
    <w:p w14:paraId="36BCE5BA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0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1.65593750</w:t>
      </w:r>
      <w:proofErr w:type="gramEnd"/>
    </w:p>
    <w:p w14:paraId="07C5D90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1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3093750</w:t>
      </w:r>
      <w:proofErr w:type="gramEnd"/>
    </w:p>
    <w:p w14:paraId="4C23ADD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2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46875000</w:t>
      </w:r>
      <w:proofErr w:type="gramEnd"/>
    </w:p>
    <w:p w14:paraId="0FD027A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3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7.03093750</w:t>
      </w:r>
      <w:proofErr w:type="gramEnd"/>
    </w:p>
    <w:p w14:paraId="3F8F289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4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3093750</w:t>
      </w:r>
      <w:proofErr w:type="gramEnd"/>
    </w:p>
    <w:p w14:paraId="7215BFD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5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3093750</w:t>
      </w:r>
      <w:proofErr w:type="gramEnd"/>
    </w:p>
    <w:p w14:paraId="476C71E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6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15609375</w:t>
      </w:r>
      <w:proofErr w:type="gramEnd"/>
    </w:p>
    <w:p w14:paraId="265B18D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7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1.08890625</w:t>
      </w:r>
      <w:proofErr w:type="gramEnd"/>
    </w:p>
    <w:p w14:paraId="0FD3D89B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8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1562500</w:t>
      </w:r>
      <w:proofErr w:type="gramEnd"/>
    </w:p>
    <w:p w14:paraId="4D295B25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69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1  6.24984375</w:t>
      </w:r>
      <w:proofErr w:type="gramEnd"/>
    </w:p>
    <w:p w14:paraId="469A740E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0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1.17187500</w:t>
      </w:r>
      <w:proofErr w:type="gramEnd"/>
    </w:p>
    <w:p w14:paraId="2E632038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1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62500000</w:t>
      </w:r>
      <w:proofErr w:type="gramEnd"/>
    </w:p>
    <w:p w14:paraId="2BD7C3BC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2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62500000</w:t>
      </w:r>
      <w:proofErr w:type="gramEnd"/>
    </w:p>
    <w:p w14:paraId="0F7CD067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3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85921875</w:t>
      </w:r>
      <w:proofErr w:type="gramEnd"/>
    </w:p>
    <w:p w14:paraId="4253AF5F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4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01546875</w:t>
      </w:r>
      <w:proofErr w:type="gramEnd"/>
    </w:p>
    <w:p w14:paraId="1F7BB2F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5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0.78109375</w:t>
      </w:r>
      <w:proofErr w:type="gramEnd"/>
    </w:p>
    <w:p w14:paraId="678CA2D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eu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76         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0  1.43750000</w:t>
      </w:r>
      <w:proofErr w:type="gramEnd"/>
    </w:p>
    <w:p w14:paraId="194EE88C" w14:textId="77777777" w:rsidR="00160C28" w:rsidRDefault="00160C28" w:rsidP="00160C28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 [ reached 'max' / 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getOption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("</w:t>
      </w:r>
      <w:proofErr w:type="spell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max.print</w:t>
      </w:r>
      <w:proofErr w:type="spellEnd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 xml:space="preserve">") -- omitted 714 </w:t>
      </w:r>
      <w:proofErr w:type="gramStart"/>
      <w:r>
        <w:rPr>
          <w:rStyle w:val="gd15mcfceub"/>
          <w:rFonts w:ascii="Lucida Console" w:hAnsi="Lucida Console"/>
          <w:color w:val="000000"/>
          <w:bdr w:val="none" w:sz="0" w:space="0" w:color="auto" w:frame="1"/>
        </w:rPr>
        <w:t>rows ]</w:t>
      </w:r>
      <w:proofErr w:type="gramEnd"/>
    </w:p>
    <w:tbl>
      <w:tblPr>
        <w:tblW w:w="15180" w:type="dxa"/>
        <w:tblCellSpacing w:w="0" w:type="dxa"/>
        <w:shd w:val="clear" w:color="auto" w:fill="FFFFFF"/>
        <w:tblCellMar>
          <w:left w:w="90" w:type="dxa"/>
          <w:bottom w:w="120" w:type="dxa"/>
          <w:right w:w="0" w:type="dxa"/>
        </w:tblCellMar>
        <w:tblLook w:val="04A0" w:firstRow="1" w:lastRow="0" w:firstColumn="1" w:lastColumn="0" w:noHBand="0" w:noVBand="1"/>
      </w:tblPr>
      <w:tblGrid>
        <w:gridCol w:w="15180"/>
      </w:tblGrid>
      <w:tr w:rsidR="00160C28" w:rsidRPr="00160C28" w14:paraId="405C83A2" w14:textId="77777777" w:rsidTr="00160C28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p w14:paraId="71E8D75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# Arrange p so that biddable and sold is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i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grouped</w:t>
            </w:r>
          </w:p>
          <w:p w14:paraId="0C9981F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arrange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p,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biddable,sol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</w:t>
            </w:r>
          </w:p>
          <w:p w14:paraId="781CA40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                                                                                            description biddable</w:t>
            </w:r>
          </w:p>
          <w:p w14:paraId="7DCE31B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                                                                                                         99%        0</w:t>
            </w:r>
          </w:p>
          <w:p w14:paraId="6A56B6F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                                                                                                         #6428        0</w:t>
            </w:r>
          </w:p>
          <w:p w14:paraId="1BB5E81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              *FREE* Same-Day Ship | 90-Day Warranty | 100% Functional, Includes All Major Accessories, Shows         0</w:t>
            </w:r>
          </w:p>
          <w:p w14:paraId="2C95835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                                                                    *Great condition*Minimal use*Case included        0</w:t>
            </w:r>
          </w:p>
          <w:p w14:paraId="7EDC50E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  100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% Fully Functional, Clean ESN &amp;amp; iCloud Clear, professionally restored, inspected, &amp;amp; tested. This         0</w:t>
            </w:r>
          </w:p>
          <w:p w14:paraId="6519C0B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           100% Great Condition!!  Had in a case all the time and handled with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care.The</w:t>
            </w:r>
            <w:proofErr w:type="spellEnd"/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Pad does have a case         0</w:t>
            </w:r>
          </w:p>
          <w:p w14:paraId="2803B2F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              100% working and cosmetically perfect. Minimal signs of use. No or invisible scratches on front         0</w:t>
            </w:r>
          </w:p>
          <w:p w14:paraId="30F51F7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8          4 of 5. This item is gently used. The item shows minor signs of wear and tear including scuff marks         0</w:t>
            </w:r>
          </w:p>
          <w:p w14:paraId="46C6115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9       A device listed in Average/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Fair  conditi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with some scratches, scuffs on the housing &amp;amp; screen (do         0</w:t>
            </w:r>
          </w:p>
          <w:p w14:paraId="37943E6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0          A device listed in good condition with a few minor mark and/or scratches on the housing or display         0</w:t>
            </w:r>
          </w:p>
          <w:p w14:paraId="4D29C7C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1          A device listed in good condition with a few minor mark and/or scratches on the housing or display         0</w:t>
            </w:r>
          </w:p>
          <w:p w14:paraId="56E32F5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2          A device listed in good condition with a few minor mark and/or scratches on the housing or display         0</w:t>
            </w:r>
          </w:p>
          <w:p w14:paraId="649CAA1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3          A device listed in good condition with a few minor mark and/or scratches on the housing or display         0</w:t>
            </w:r>
          </w:p>
          <w:p w14:paraId="69374EF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4           A device listed in near mint used cosmetic condition with light blemishes from use. Housing &amp;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amp;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09DD1C3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5           A device listed in near mint used cosmetic condition with light blemishes from use. Housing &amp;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amp;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028F621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6           A device listed in near mint used cosmetic condition with light blemishes from use. Housing &amp;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amp;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51B1C69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7           A device listed in near mint used cosmetic condition with light blemishes from use. Housing &amp;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amp;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2C1D8E3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8                                                       Also Includes life proof case charger and wall adapter        0</w:t>
            </w:r>
          </w:p>
          <w:p w14:paraId="04E4C2C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9              Apple iPad mini 1st Generation 16GB, Wi-Fi, 7.9in - Space Gray, great condition comes with the         0</w:t>
            </w:r>
          </w:p>
          <w:p w14:paraId="5710D8A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0             AS SEEN IN THE FRONT FACING PHOTO, THERE IS A VISIBLE SCRATCH.  HOWEVER, THAT SCRATCH IS ON THE         0</w:t>
            </w:r>
          </w:p>
          <w:p w14:paraId="3C547DB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1                                                                                        Barely used, like new        0</w:t>
            </w:r>
          </w:p>
          <w:p w14:paraId="1068E4A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2                                                                                        Barely used, like new        0</w:t>
            </w:r>
          </w:p>
          <w:p w14:paraId="2317989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3                 Barley been used! In great condition. Excellent camera. Light and durable. You will love it!        0</w:t>
            </w:r>
          </w:p>
          <w:p w14:paraId="5B463AE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4                                                          Black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bezel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, Screen like new.  Working excellently.        0</w:t>
            </w:r>
          </w:p>
          <w:p w14:paraId="304EFD3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5           Brand new, iPad untouched and still wrapped in original plastic inside box. Opened only to verify         0</w:t>
            </w:r>
          </w:p>
          <w:p w14:paraId="615541D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6           Brand-new condition no box has charger cord is in mint condition has had a screen protector and a         0</w:t>
            </w:r>
          </w:p>
          <w:p w14:paraId="1ECC59B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7                                      BROKEN: Device has at least one or more problems: \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nFor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Parts or Repair        0</w:t>
            </w:r>
          </w:p>
          <w:p w14:paraId="209A44D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8                                    But in mint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condition,comes</w:t>
            </w:r>
            <w:proofErr w:type="spellEnd"/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with a screen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protector,case,charger,earbud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.        0</w:t>
            </w:r>
          </w:p>
          <w:p w14:paraId="59503FB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9      C - Stock. Seller refurbished &amp;amp; in Fair cosmetic condition. 100% Fully Functional, Clean ESN &amp;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amp;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76A8B46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0     C - Stock. Seller refurbished &amp;amp; in Fair cosmetic condition. 100% Fully Functional, Clean IMEI &amp;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amp;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411ECA3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1        C - Stock. Seller refurbished &amp;amp; in Fair cosmetic condition. 100% Fully Functional, iCloud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Clear,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554042F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2       C Stock - Seller refurbished &amp;amp; in Fair condition. 100% Fully Functional, Clean IMEI &amp;amp;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iCloud,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1D561DA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3                                                                               Contact us with any questions!        0</w:t>
            </w:r>
          </w:p>
          <w:p w14:paraId="0BBB74C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4                                                                   Cracked but works read first before buying        0</w:t>
            </w:r>
          </w:p>
          <w:p w14:paraId="317C584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5            Device is in GOOD used cosmetic condition with normal wear, engraving on back. Device is in 100%         0</w:t>
            </w:r>
          </w:p>
          <w:p w14:paraId="0A536F0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6          Device is in Great Condition.  Grade A, However it does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come  i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riginal Packaging.  Comes in         0</w:t>
            </w:r>
          </w:p>
          <w:p w14:paraId="3DD7A4E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7                                                                                                    Excellent        0</w:t>
            </w:r>
          </w:p>
          <w:p w14:paraId="14DE1CB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8        Excellent condition - 100% functional - Apple warranty valid until March 1, 2016 - There is 1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light,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27FF85E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9          Excellent condition, no scratches or dented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ell kep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as shown in pics. Came with charger and data         0</w:t>
            </w:r>
          </w:p>
          <w:p w14:paraId="10C17D7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lastRenderedPageBreak/>
              <w:t>40                                    Excellent Pre-owned Condition,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Barely Used. No cracks or major scratches.        0</w:t>
            </w:r>
          </w:p>
          <w:p w14:paraId="69F7D43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1          Fantastic condition, fully functional. Small ding on lower right corner, no impact on screen. Case         0</w:t>
            </w:r>
          </w:p>
          <w:p w14:paraId="6395177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2                                                        Few minor scratches on iPad body/bezel and/or screen.        0</w:t>
            </w:r>
          </w:p>
          <w:p w14:paraId="69B2607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3                                                                                          For Parts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Or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Repair        0</w:t>
            </w:r>
          </w:p>
          <w:p w14:paraId="7B2B711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4         Front glass has already been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removed,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they are ready for a new digitizer to be installed. They have         0</w:t>
            </w:r>
          </w:p>
          <w:p w14:paraId="4C9EAAF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5                                                                                  FULLY FUNCTIONAL, CLEAN ESN        0</w:t>
            </w:r>
          </w:p>
          <w:p w14:paraId="7E10B7E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6        Fully functional, no issues with it. Just have newer models now and want to sell. This model has the         0</w:t>
            </w:r>
          </w:p>
          <w:p w14:paraId="626B859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7          Grade A condition means that th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s 100% working condition. Cosmetically 8/9 out of 10 - Will         0</w:t>
            </w:r>
          </w:p>
          <w:p w14:paraId="51F0AAB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8              Grade A refurbished.  Opened / components unsealed.  No factory packaging.  No cosmetic damage         0</w:t>
            </w:r>
          </w:p>
          <w:p w14:paraId="18D2763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9               Grade B refurbished.  No factory packaging.  Small den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n side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casing (see photos).  Several         0</w:t>
            </w:r>
          </w:p>
          <w:p w14:paraId="5D0EE5B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0           Grade B+ refurbished.  No factory packaging.  There is a surface level scratch on the rear casing         0</w:t>
            </w:r>
          </w:p>
          <w:p w14:paraId="1F906CD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1                                                                                              Great condition        0</w:t>
            </w:r>
          </w:p>
          <w:p w14:paraId="02AD0EA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2                                                       Great Condition - no cracks or scratches on the screen        0</w:t>
            </w:r>
          </w:p>
          <w:p w14:paraId="441841F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3                                                                       Great Condition no scratches on screen        0</w:t>
            </w:r>
          </w:p>
          <w:p w14:paraId="71A748A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4        Great working iPad.  Minor surface scratches on back as pictured.  Other very light scratching which         0</w:t>
            </w:r>
          </w:p>
          <w:p w14:paraId="399BB1D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5                         Great working iPad.  Only light scratching consistent with typical wear as pictured.        0</w:t>
            </w:r>
          </w:p>
          <w:p w14:paraId="250290B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6         Great working iPad.  Very minor surface scratches on back as pictured.  Other very light scratching         0</w:t>
            </w:r>
          </w:p>
          <w:p w14:paraId="6E75E5B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7                        Half of the screen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doesn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t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work and it&amp;#039;s cracked, damage shown in pictures.        0</w:t>
            </w:r>
          </w:p>
          <w:p w14:paraId="3BFA6A4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8                            Has been opened but not used...still in box. Does not come with a book or charger        0</w:t>
            </w:r>
          </w:p>
          <w:p w14:paraId="10CC2D0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9            Heavily Used condition. 100% Fully Functional, Clean IMEI &amp;amp; iCloud, professionally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restored,   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0</w:t>
            </w:r>
          </w:p>
          <w:p w14:paraId="03E8AD2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0                    I AM SELLING THIS UNIT AS IS-NO REFUNDS, RETURNS OR GUARANTEES-IT HAS A BLOCKED/BAD IMEI.        0</w:t>
            </w:r>
          </w:p>
          <w:p w14:paraId="104786D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1                                                                                               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clou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lock        0</w:t>
            </w:r>
          </w:p>
          <w:p w14:paraId="230BA4A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2                                                            In good condition has a minor scratch on the back        0</w:t>
            </w:r>
          </w:p>
          <w:p w14:paraId="10B8019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3                                                         In Great Condition with normal light scratches/usage        0</w:t>
            </w:r>
          </w:p>
          <w:p w14:paraId="7E20F74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4                  In great working condition, Power button does not work,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ee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description, iCloud is unlocked        0</w:t>
            </w:r>
          </w:p>
          <w:p w14:paraId="51BB7CA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5                                                                                            In mint condition        0</w:t>
            </w:r>
          </w:p>
          <w:p w14:paraId="20AA7B2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6           In new condition only used a short time and always had it in the case. Also selling the case with         0</w:t>
            </w:r>
          </w:p>
          <w:p w14:paraId="474412A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7                                    In very good condition, some scratches on corner but otherwise almost new        0</w:t>
            </w:r>
          </w:p>
          <w:p w14:paraId="198CC8C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8          iPad 1 16G, in excellent condition, a few tiny scratches, only noticeable when screen is off. This         0</w:t>
            </w:r>
          </w:p>
          <w:p w14:paraId="48FEEC3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9                                                                iPad is in 8.5+ out of 10 cosmetic condition!        0</w:t>
            </w:r>
          </w:p>
          <w:p w14:paraId="76B8816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0          iPad is in good condition, has minimal wear and tear. iPad is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clou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locked. SOLD AS-IS! FOR PARTS         0</w:t>
            </w:r>
          </w:p>
          <w:p w14:paraId="1F48FF3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1                                  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s in good condition, minimal wear and tear.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s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clou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locked.        0</w:t>
            </w:r>
          </w:p>
          <w:p w14:paraId="4E73E72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2     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s used, in very good cosmetic condition. Has some very minor scratches on the body from normal         0</w:t>
            </w:r>
          </w:p>
          <w:p w14:paraId="4F788F6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3                                       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like New with all accessories and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documents ,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Buy 1 get 1 gift        0</w:t>
            </w:r>
          </w:p>
          <w:p w14:paraId="5F22250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4           IPAD mini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..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not sure of what generation it can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be..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selling as is or best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offer..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h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a crack but         0</w:t>
            </w:r>
          </w:p>
          <w:p w14:paraId="3BF369B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5             iPad mini 2 is an open box item, good condition. Does not include original box. Include Genuine         0</w:t>
            </w:r>
          </w:p>
          <w:p w14:paraId="042C5C9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6       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mini is in good condition overall. Has some minor scratches on the back but otherwise in good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</w:t>
            </w:r>
            <w:proofErr w:type="gramEnd"/>
          </w:p>
          <w:p w14:paraId="34E8DA0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        condition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cellular  carrier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color storag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productlin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sold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UniqueI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priceclass</w:t>
            </w:r>
            <w:proofErr w:type="spellEnd"/>
          </w:p>
          <w:p w14:paraId="6401423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    249.99                     Used        0     None Space Gray      16     Unknown    0    11001          1</w:t>
            </w:r>
          </w:p>
          <w:p w14:paraId="1F55311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      124.95                     Used        0     None    Unknown      16      iPad 1    0    11207          0</w:t>
            </w:r>
          </w:p>
          <w:p w14:paraId="2249DAD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      200.29       Seller refurbished        0     None      Black      16      iPad 3    0    10949          1</w:t>
            </w:r>
          </w:p>
          <w:p w14:paraId="065C16A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      199.99          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Used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16      iPad 1    0    11305          1</w:t>
            </w:r>
          </w:p>
          <w:p w14:paraId="15DE149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      127.99       Seller refurbish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16      iPad 2    0    10665          0</w:t>
            </w:r>
          </w:p>
          <w:p w14:paraId="03C9558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      379.99                     Used        0     None      Black      16    iPad Air    0    10877          1</w:t>
            </w:r>
          </w:p>
          <w:p w14:paraId="5DE2E00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      164.99                     Used        0     None      White      16      iPad 2    0    11849          0</w:t>
            </w:r>
          </w:p>
          <w:p w14:paraId="63B8568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8      189.99                     Used        1     AT&amp;T    Unknown      16   iPad mini    0    10362          1</w:t>
            </w:r>
          </w:p>
          <w:p w14:paraId="31DCAD3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9       76.00                     Used        0     None      White      16     Unknown    0    10777          0</w:t>
            </w:r>
          </w:p>
          <w:p w14:paraId="79EF1DC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0     140.00                     Us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White      16      iPad 2    0    10560          0</w:t>
            </w:r>
          </w:p>
          <w:p w14:paraId="6557527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1      80.00                     Used        0     None      White      16     Unknown    0    10609          0</w:t>
            </w:r>
          </w:p>
          <w:p w14:paraId="62033EA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2     186.00                     Used        1     AT&amp;T      White      16     Unknown    0    10651          1</w:t>
            </w:r>
          </w:p>
          <w:p w14:paraId="31865E1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3      89.00                     Used        1     AT&amp;T      White      16     Unknown    0    10804          0</w:t>
            </w:r>
          </w:p>
          <w:p w14:paraId="0AD4434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4     171.00                     Us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White      16      iPad 2    0    10776          1</w:t>
            </w:r>
          </w:p>
          <w:p w14:paraId="0C264AC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5     162.00                     Us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White      16      iPad 2    0    10934          0</w:t>
            </w:r>
          </w:p>
          <w:p w14:paraId="3410309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6     227.00                     Used        1     AT&amp;T      White      16      iPad 1    0    10996          1</w:t>
            </w:r>
          </w:p>
          <w:p w14:paraId="6C2467A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7     280.00                     Us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White      16      iPad 4    0    11298          1</w:t>
            </w:r>
          </w:p>
          <w:p w14:paraId="4BA9028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8     500.00                     Used        1 T-Mobile    Unknown      16 iPad mini 2    0    11021          1</w:t>
            </w:r>
          </w:p>
          <w:p w14:paraId="2DD2C9F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9     169.99                     Used        0     None Space Gray      16   iPad mini    0    10520          0</w:t>
            </w:r>
          </w:p>
          <w:p w14:paraId="0A99CE5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0     110.00                     Used        0     None      White      16      iPad 1    0    11116          0</w:t>
            </w:r>
          </w:p>
          <w:p w14:paraId="498C898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1     250.00                     Used        0     None    Unknown      16      iPad 3    0    10115          1</w:t>
            </w:r>
          </w:p>
          <w:p w14:paraId="2F8528A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2     250.00                     Used        0     None    Unknown      16      iPad 3    0    10128          1</w:t>
            </w:r>
          </w:p>
          <w:p w14:paraId="22749CD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3     200.00       Seller refurbished        0     None    Unknown      16      iPad 3    0    11588          1</w:t>
            </w:r>
          </w:p>
          <w:p w14:paraId="6EB2346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4     250.00                     Used        0     None      Black      16      iPad 4    0    11846          1</w:t>
            </w:r>
          </w:p>
          <w:p w14:paraId="4591521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5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49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  White      16  iPad Air 2    0    11220          1</w:t>
            </w:r>
          </w:p>
          <w:p w14:paraId="73084F1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6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40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Unknown      16      iPad 2    0    10440          1</w:t>
            </w:r>
          </w:p>
          <w:p w14:paraId="20CF31C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lastRenderedPageBreak/>
              <w:t>27      36.95 For parts or not working        0     None    Unknown      16      iPad 1    0    11844          0</w:t>
            </w:r>
          </w:p>
          <w:p w14:paraId="47B53BB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8     225.00          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Used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Space Gray      16     Unknown    0    11490          1</w:t>
            </w:r>
          </w:p>
          <w:p w14:paraId="0EBFC91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9     261.99       Seller refurbished        1   Sprint      Black      16      iPad 4    0    11375          1</w:t>
            </w:r>
          </w:p>
          <w:p w14:paraId="6E91943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0     237.99       Seller refurbished        1     AT&amp;T      Black      16      iPad 4    0    11381          1</w:t>
            </w:r>
          </w:p>
          <w:p w14:paraId="61F042F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1     257.83       Seller refurbished        0     None Space Gray      16    iPad Air    0    11104          1</w:t>
            </w:r>
          </w:p>
          <w:p w14:paraId="594706E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2     274.99       Seller refurbished        1     AT&amp;T Space Gray      16    iPad Air    0    10139          1</w:t>
            </w:r>
          </w:p>
          <w:p w14:paraId="14DFC23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3     174.99                     Used        0     None      Black      16      iPad 1    0    11109          1</w:t>
            </w:r>
          </w:p>
          <w:p w14:paraId="6729FDE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4     155.00 For parts or not working        0     None      White      16 iPad mini 2    0    11768          0</w:t>
            </w:r>
          </w:p>
          <w:p w14:paraId="50FEB64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5      90.00                     Used        0     None    Unknown      16      iPad 1    0    11163          0</w:t>
            </w:r>
          </w:p>
          <w:p w14:paraId="56A2909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6     300.00 Manufacturer refurbished        0     None      White      16      iPad 4    0    11020          1</w:t>
            </w:r>
          </w:p>
          <w:p w14:paraId="3591B47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7     250.00                     Us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White      16      iPad 3    0    11075          1</w:t>
            </w:r>
          </w:p>
          <w:p w14:paraId="31C426B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8     399.00                     Used        0     None       Gold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6  iPad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Air 2    0    10279          1</w:t>
            </w:r>
          </w:p>
          <w:p w14:paraId="4D0F431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9     200.00                     Used        0     None      White      16   iPad mini    0    11347          1</w:t>
            </w:r>
          </w:p>
          <w:p w14:paraId="5D8E34D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0     175.00                     Used        0     None      White      16      iPad 2    0    10409          1</w:t>
            </w:r>
          </w:p>
          <w:p w14:paraId="338E8B6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1     269.95                     Used        0     None      Black      16      iPad 3    0    11572          1</w:t>
            </w:r>
          </w:p>
          <w:p w14:paraId="7E87B49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2     199.99       Seller refurbished        0     None    Unknown      16      iPad 2    0    11047          1</w:t>
            </w:r>
          </w:p>
          <w:p w14:paraId="372785C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3      85.00 For parts or not working        0     None      Black      16      iPad 2    0    11756          0</w:t>
            </w:r>
          </w:p>
          <w:p w14:paraId="02431DD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4     165.00 For parts or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orking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16   iPad mini    0    11750          0</w:t>
            </w:r>
          </w:p>
          <w:p w14:paraId="63DCD46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5     129.99                     Us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16      iPad 2    0    10023          0</w:t>
            </w:r>
          </w:p>
          <w:p w14:paraId="29CDC46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6     165.00                     Used        0     None    Unknown      16      iPad 1    0    11008          0</w:t>
            </w:r>
          </w:p>
          <w:p w14:paraId="55F4380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7     209.85 Manufacturer refurbish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16   iPad mini    0    10914          1</w:t>
            </w:r>
          </w:p>
          <w:p w14:paraId="1516162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8     294.99 Manufacturer refurbished        0     None      White      16    iPad Air    0    10160          1</w:t>
            </w:r>
          </w:p>
          <w:p w14:paraId="0B5C6CB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9     249.99 Manufacturer refurbish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16      iPad 4    0    10424          1</w:t>
            </w:r>
          </w:p>
          <w:p w14:paraId="73C3C28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0     249.99 Manufacturer refurbish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16      iPad 4    0    10121          1</w:t>
            </w:r>
          </w:p>
          <w:p w14:paraId="380AC6A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1     265.00                     Used        0     None    Unknown      16      iPad 4    0    10771          1</w:t>
            </w:r>
          </w:p>
          <w:p w14:paraId="1072E5A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2     234.00                     Used        0     None      White      16      iPad 3    0    10554          1</w:t>
            </w:r>
          </w:p>
          <w:p w14:paraId="22E034D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3     209.99                     Used        0     None      White      16   iPad mini    0    11174          1</w:t>
            </w:r>
          </w:p>
          <w:p w14:paraId="0E5816C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4     187.50                     Used        0     None      Black      16      iPad 3    0    10146          1</w:t>
            </w:r>
          </w:p>
          <w:p w14:paraId="646E1DF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5     187.50                     Used        0     None      Black      16      iPad 3    0    10022          1</w:t>
            </w:r>
          </w:p>
          <w:p w14:paraId="6F7F7DF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6     187.50                     Used        0     None      Black      16      iPad 3    0    10171          1</w:t>
            </w:r>
          </w:p>
          <w:p w14:paraId="0911522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7     100.00          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Used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16     Unknown    0    11585          0</w:t>
            </w:r>
          </w:p>
          <w:p w14:paraId="7888F30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8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59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1     AT&amp;T    Unknown      16      iPad 3    0    10052          1</w:t>
            </w:r>
          </w:p>
          <w:p w14:paraId="38E096C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9     270.99                     Used        1     AT&amp;T Space Gray      16    iPad Air    0    11143          1</w:t>
            </w:r>
          </w:p>
          <w:p w14:paraId="1B06447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0     289.95                     Used        1 T-Mobile      Black      16 iPad mini 2    0    11135          1</w:t>
            </w:r>
          </w:p>
          <w:p w14:paraId="5A7D44B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1     129.99 For parts or not working        0     None      White      16      iPad 2    0    11610          0</w:t>
            </w:r>
          </w:p>
          <w:p w14:paraId="12C24F9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2     199.00 For parts or not working        0     None    Unknown      16   iPad mini    0    11752          1</w:t>
            </w:r>
          </w:p>
          <w:p w14:paraId="43741A4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3     349.95                     Used        1     AT&amp;T    Unknown      16    iPad Air    0    10655          1</w:t>
            </w:r>
          </w:p>
          <w:p w14:paraId="582158D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4     146.99                     Used        0     None      White      16      iPad 2    0    11044          0</w:t>
            </w:r>
          </w:p>
          <w:p w14:paraId="1259B5F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5     320.00                     Us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Unknown      16      iPad 4    0    11358          1</w:t>
            </w:r>
          </w:p>
          <w:p w14:paraId="16A60B9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6     165.00                     Used        0     None      Black      16      iPad 1    0    11523          0</w:t>
            </w:r>
          </w:p>
          <w:p w14:paraId="7B16567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7     220.00                     Used        0     None    Unknown      16      iPad 2    0    11558          1</w:t>
            </w:r>
          </w:p>
          <w:p w14:paraId="22FF4A0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8     119.99                     Used        0     None      Black      16      iPad 1    0    10842          0</w:t>
            </w:r>
          </w:p>
          <w:p w14:paraId="36C7B6B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9     159.99                     Used        0     None      Black      16      iPad 2    0    10001          0</w:t>
            </w:r>
          </w:p>
          <w:p w14:paraId="26B8C7C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0      66.99 For parts or not working        0     None    Unknown      16      iPad 2    0    11751          0</w:t>
            </w:r>
          </w:p>
          <w:p w14:paraId="19D59DA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1      74.99 For parts or not working        0     None    Unknown      16   iPad mini    0    11801          0</w:t>
            </w:r>
          </w:p>
          <w:p w14:paraId="330CC5A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2     249.99                     Used        0     None    Unknown      16      iPad 4    0    10028          1</w:t>
            </w:r>
          </w:p>
          <w:p w14:paraId="0C07C9A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3      80.00                     Used        0     None    Unknown      16      iPad 1    0    11007          0</w:t>
            </w:r>
          </w:p>
          <w:p w14:paraId="21CEC1D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4     149.99          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Used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16     Unknown    0    11172          0</w:t>
            </w:r>
          </w:p>
          <w:p w14:paraId="13EE155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5     238.80                     Used        0     None Space Gray      16 iPad mini 2    0    10026          1</w:t>
            </w:r>
          </w:p>
          <w:p w14:paraId="2FB6719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6     400.00                     Us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Gold      16 iPad mini 3    0    10947          1</w:t>
            </w:r>
          </w:p>
          <w:p w14:paraId="0530A1C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var1</w:t>
            </w:r>
          </w:p>
          <w:p w14:paraId="35BADC5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15.624375</w:t>
            </w:r>
            <w:proofErr w:type="gramEnd"/>
          </w:p>
          <w:p w14:paraId="5CA3739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   7.809375</w:t>
            </w:r>
          </w:p>
          <w:p w14:paraId="0595F8A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  12.518125</w:t>
            </w:r>
            <w:proofErr w:type="gramEnd"/>
          </w:p>
          <w:p w14:paraId="6570796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  12.499375</w:t>
            </w:r>
            <w:proofErr w:type="gramEnd"/>
          </w:p>
          <w:p w14:paraId="26EF403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   7.999375</w:t>
            </w:r>
          </w:p>
          <w:p w14:paraId="43801E6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  23.749375</w:t>
            </w:r>
            <w:proofErr w:type="gramEnd"/>
          </w:p>
          <w:p w14:paraId="251A4E4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  10.311875</w:t>
            </w:r>
            <w:proofErr w:type="gramEnd"/>
          </w:p>
          <w:p w14:paraId="7D38AD0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8  11.874375</w:t>
            </w:r>
            <w:proofErr w:type="gramEnd"/>
          </w:p>
          <w:p w14:paraId="02523C0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9   4.750000</w:t>
            </w:r>
          </w:p>
          <w:p w14:paraId="27D5E72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0  8.750000</w:t>
            </w:r>
            <w:proofErr w:type="gramEnd"/>
          </w:p>
          <w:p w14:paraId="5410D03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1  5.000000</w:t>
            </w:r>
            <w:proofErr w:type="gramEnd"/>
          </w:p>
          <w:p w14:paraId="24113FD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2 11.625000</w:t>
            </w:r>
          </w:p>
          <w:p w14:paraId="44CB4E8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3  5.562500</w:t>
            </w:r>
            <w:proofErr w:type="gramEnd"/>
          </w:p>
          <w:p w14:paraId="46919EE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lastRenderedPageBreak/>
              <w:t>14 10.687500</w:t>
            </w:r>
          </w:p>
          <w:p w14:paraId="5B8A3E1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5 10.125000</w:t>
            </w:r>
          </w:p>
          <w:p w14:paraId="617DC6D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6 14.187500</w:t>
            </w:r>
          </w:p>
          <w:p w14:paraId="3141D39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7 17.500000</w:t>
            </w:r>
          </w:p>
          <w:p w14:paraId="455F052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8 31.250000</w:t>
            </w:r>
          </w:p>
          <w:p w14:paraId="69554C9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9 10.624375</w:t>
            </w:r>
          </w:p>
          <w:p w14:paraId="0868D34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0  6.875000</w:t>
            </w:r>
            <w:proofErr w:type="gramEnd"/>
          </w:p>
          <w:p w14:paraId="387E96D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1 15.625000</w:t>
            </w:r>
          </w:p>
          <w:p w14:paraId="6B6CE76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2 15.625000</w:t>
            </w:r>
          </w:p>
          <w:p w14:paraId="4BF74B7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3 12.500000</w:t>
            </w:r>
          </w:p>
          <w:p w14:paraId="6915F7D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4 15.625000</w:t>
            </w:r>
          </w:p>
          <w:p w14:paraId="0AD2632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5 28.062500</w:t>
            </w:r>
          </w:p>
          <w:p w14:paraId="44338E4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6 21.250000</w:t>
            </w:r>
          </w:p>
          <w:p w14:paraId="08E677A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7  2.309375</w:t>
            </w:r>
            <w:proofErr w:type="gramEnd"/>
          </w:p>
          <w:p w14:paraId="0C8972E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8 14.062500</w:t>
            </w:r>
          </w:p>
          <w:p w14:paraId="1008C51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9 16.374375</w:t>
            </w:r>
          </w:p>
          <w:p w14:paraId="3B7E6C7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0 14.874375</w:t>
            </w:r>
          </w:p>
          <w:p w14:paraId="7C13A19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1 16.114375</w:t>
            </w:r>
          </w:p>
          <w:p w14:paraId="182A021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2 17.186875</w:t>
            </w:r>
          </w:p>
          <w:p w14:paraId="1E9EA15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3 10.936875</w:t>
            </w:r>
          </w:p>
          <w:p w14:paraId="46A06BE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4  9.687500</w:t>
            </w:r>
            <w:proofErr w:type="gramEnd"/>
          </w:p>
          <w:p w14:paraId="1358934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5  5.625000</w:t>
            </w:r>
            <w:proofErr w:type="gramEnd"/>
          </w:p>
          <w:p w14:paraId="4817B9A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6 18.750000</w:t>
            </w:r>
          </w:p>
          <w:p w14:paraId="513A1CD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7 15.625000</w:t>
            </w:r>
          </w:p>
          <w:p w14:paraId="3D71A13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8 24.937500</w:t>
            </w:r>
          </w:p>
          <w:p w14:paraId="4B42F33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9 12.500000</w:t>
            </w:r>
          </w:p>
          <w:p w14:paraId="6279EB0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0 10.937500</w:t>
            </w:r>
          </w:p>
          <w:p w14:paraId="7A399DF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1 16.871875</w:t>
            </w:r>
          </w:p>
          <w:p w14:paraId="0F6EF33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2 12.499375</w:t>
            </w:r>
          </w:p>
          <w:p w14:paraId="2E74511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3  5.312500</w:t>
            </w:r>
            <w:proofErr w:type="gramEnd"/>
          </w:p>
          <w:p w14:paraId="3F57418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4 10.312500</w:t>
            </w:r>
          </w:p>
          <w:p w14:paraId="1179F35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5  8.124375</w:t>
            </w:r>
            <w:proofErr w:type="gramEnd"/>
          </w:p>
          <w:p w14:paraId="0E7A4BB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6 10.312500</w:t>
            </w:r>
          </w:p>
          <w:p w14:paraId="04B895C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7 13.115625</w:t>
            </w:r>
          </w:p>
          <w:p w14:paraId="3856163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8 18.436875</w:t>
            </w:r>
          </w:p>
          <w:p w14:paraId="599FBEB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9 15.624375</w:t>
            </w:r>
          </w:p>
          <w:p w14:paraId="6064077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0 15.624375</w:t>
            </w:r>
          </w:p>
          <w:p w14:paraId="787F0E4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1 16.562500</w:t>
            </w:r>
          </w:p>
          <w:p w14:paraId="3D54E1B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2 14.625000</w:t>
            </w:r>
          </w:p>
          <w:p w14:paraId="7C64DF0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3 13.124375</w:t>
            </w:r>
          </w:p>
          <w:p w14:paraId="44CC374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4 11.718750</w:t>
            </w:r>
          </w:p>
          <w:p w14:paraId="697179D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5 11.718750</w:t>
            </w:r>
          </w:p>
          <w:p w14:paraId="415BAE7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6 11.718750</w:t>
            </w:r>
          </w:p>
          <w:p w14:paraId="75407C5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7  6.250000</w:t>
            </w:r>
            <w:proofErr w:type="gramEnd"/>
          </w:p>
          <w:p w14:paraId="45EE2A0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8 16.187500</w:t>
            </w:r>
          </w:p>
          <w:p w14:paraId="5CCE6ED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9 16.936875</w:t>
            </w:r>
          </w:p>
          <w:p w14:paraId="767FC97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0 18.121875</w:t>
            </w:r>
          </w:p>
          <w:p w14:paraId="1F61728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1  8.124375</w:t>
            </w:r>
            <w:proofErr w:type="gramEnd"/>
          </w:p>
          <w:p w14:paraId="7873DF8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2 12.437500</w:t>
            </w:r>
          </w:p>
          <w:p w14:paraId="10538EF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3 21.871875</w:t>
            </w:r>
          </w:p>
          <w:p w14:paraId="709F9D4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4  9.186875</w:t>
            </w:r>
            <w:proofErr w:type="gramEnd"/>
          </w:p>
          <w:p w14:paraId="36616B9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5 20.000000</w:t>
            </w:r>
          </w:p>
          <w:p w14:paraId="5269155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6 10.312500</w:t>
            </w:r>
          </w:p>
          <w:p w14:paraId="2465494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7 13.750000</w:t>
            </w:r>
          </w:p>
          <w:p w14:paraId="5CB9275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8  7.499375</w:t>
            </w:r>
            <w:proofErr w:type="gramEnd"/>
          </w:p>
          <w:p w14:paraId="4627532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9  9.999375</w:t>
            </w:r>
            <w:proofErr w:type="gramEnd"/>
          </w:p>
          <w:p w14:paraId="6DADE67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0  4.186875</w:t>
            </w:r>
            <w:proofErr w:type="gramEnd"/>
          </w:p>
          <w:p w14:paraId="43705C1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1  4.686875</w:t>
            </w:r>
            <w:proofErr w:type="gramEnd"/>
          </w:p>
          <w:p w14:paraId="488ADDE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2 15.624375</w:t>
            </w:r>
          </w:p>
          <w:p w14:paraId="12702CE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3  5.000000</w:t>
            </w:r>
            <w:proofErr w:type="gramEnd"/>
          </w:p>
          <w:p w14:paraId="7476898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4  9.374375</w:t>
            </w:r>
            <w:proofErr w:type="gramEnd"/>
          </w:p>
          <w:p w14:paraId="0286FF6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5 14.925000</w:t>
            </w:r>
          </w:p>
          <w:p w14:paraId="1001A3F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6 25.000000</w:t>
            </w:r>
          </w:p>
          <w:p w14:paraId="29FCB48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[ reached 'max' /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getOption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("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max.prin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") -- omitted 714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rows ]</w:t>
            </w:r>
            <w:proofErr w:type="gramEnd"/>
          </w:p>
          <w:p w14:paraId="5EA7199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lastRenderedPageBreak/>
              <w:t xml:space="preserve">&gt; # Definition of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notbough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- create a df of observations when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was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notpurchased</w:t>
            </w:r>
            <w:proofErr w:type="spellEnd"/>
          </w:p>
          <w:p w14:paraId="4B8E125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notbough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&lt;-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filter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p, sold == "1")</w:t>
            </w:r>
          </w:p>
          <w:p w14:paraId="24638FC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# Arrang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notbough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so that condition and sold is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i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grouped</w:t>
            </w:r>
          </w:p>
          <w:p w14:paraId="1A902AF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arrange(</w:t>
            </w:r>
            <w:proofErr w:type="spellStart"/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notbough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, condition, sold)</w:t>
            </w:r>
          </w:p>
          <w:p w14:paraId="27CC7BB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                                                                                               description</w:t>
            </w:r>
          </w:p>
          <w:p w14:paraId="6AB2708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                                        BROKEN: Device has at least one or more problems: \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nFor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Parts or Repair</w:t>
            </w:r>
          </w:p>
          <w:p w14:paraId="5A9481A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                                          BROKEN: Device has at least one or more problems: \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nFor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Parts or Repair</w:t>
            </w:r>
          </w:p>
          <w:p w14:paraId="0E3DBE0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                                          BROKEN: Device has at least one or more problems: \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nFor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Parts or Repair</w:t>
            </w:r>
          </w:p>
          <w:p w14:paraId="71AEEEE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                                          BROKEN: Device has at least one or more problems: \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nFor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Parts or Repair</w:t>
            </w:r>
          </w:p>
          <w:p w14:paraId="5F0FD2C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                                                                        Cracked Screen, good condition otherwise.</w:t>
            </w:r>
          </w:p>
          <w:p w14:paraId="7D162BC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                   Device is in POOR used cosmetic condition with cracked outer glass. Color is White. Device is </w:t>
            </w:r>
          </w:p>
          <w:p w14:paraId="569A6B6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                          iPad Mini does not have any dents or heavy visible scratches, as shown in the pictures.</w:t>
            </w:r>
          </w:p>
          <w:p w14:paraId="7D18116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8             Non-Functioning Unit, handset only. Please refer to the item description below. Contact us with any </w:t>
            </w:r>
          </w:p>
          <w:p w14:paraId="1F61AB3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9             Non-Functioning Unit, handset only. Please refer to the item description below. Contact us with any </w:t>
            </w:r>
          </w:p>
          <w:p w14:paraId="00F11E9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0            Non-Functioning Unit, handset only. Please refer to the item description below. Contact us with any </w:t>
            </w:r>
          </w:p>
          <w:p w14:paraId="3D2F4BA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1          Physically in GREAT shape; minor scratching-- so minor that I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couldn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t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get a clear photo of any. </w:t>
            </w:r>
          </w:p>
          <w:p w14:paraId="5A75A2A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2                                                         Please scroll down to see pictures and full description</w:t>
            </w:r>
          </w:p>
          <w:p w14:paraId="6DEEB2D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3             Screen is cracked in multiple places, there is a hole in the top left of th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.  In need of new </w:t>
            </w:r>
          </w:p>
          <w:p w14:paraId="794EF24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4              Screen turns OFF when pressure is applied on it by touching it. When applying pressure on another </w:t>
            </w:r>
          </w:p>
          <w:p w14:paraId="64B2C09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5           selling my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mini  has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a brand new screen  on it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don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know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hat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wrong  sometimes the it works </w:t>
            </w:r>
          </w:p>
          <w:p w14:paraId="3893B02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6                The LCD looks good, bright and clear with no visible imperfections. The screen glass is in good </w:t>
            </w:r>
          </w:p>
          <w:p w14:paraId="14DAC58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7              There are many cracks on the screen of this iPad including a chip on the bottom right edge of the </w:t>
            </w:r>
          </w:p>
          <w:p w14:paraId="27D9A13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8                                                                                  This iPad has a bad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MEINo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USB</w:t>
            </w:r>
          </w:p>
          <w:p w14:paraId="6309AF0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9                This iPad is functional. However, it has a cracked screen. Includes iPad only. Does not include </w:t>
            </w:r>
          </w:p>
          <w:p w14:paraId="058BFA9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0           This iPad Mini 1st Gen sustained a very minor drop and the display glass was cracked on the top left </w:t>
            </w:r>
          </w:p>
          <w:p w14:paraId="6619D11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1             This tablet is in great condition it totally working but need to reactivated is the only,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do not </w:t>
            </w:r>
          </w:p>
          <w:p w14:paraId="077755D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2                                                                                      touch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cree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not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reponding</w:t>
            </w:r>
            <w:proofErr w:type="spellEnd"/>
          </w:p>
          <w:p w14:paraId="0824137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3                 Unit has lots of scuffs and scratches from use. Parts of bezel are missing. Digitizer has been </w:t>
            </w:r>
          </w:p>
          <w:p w14:paraId="6B0A615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4                                                                                            Work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fineiClou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lock</w:t>
            </w:r>
          </w:p>
          <w:p w14:paraId="0846170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5             Working Condition.  Shattered and missing glass around home button.  Several cracks running across </w:t>
            </w:r>
          </w:p>
          <w:p w14:paraId="03EE7DA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6                                                                          Works great, just has a hairline crack</w:t>
            </w:r>
          </w:p>
          <w:p w14:paraId="6F56364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7               Broken Screen. Includes unit only, and nothing else. Unit is not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clou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locked. Disclaimer: This </w:t>
            </w:r>
          </w:p>
          <w:p w14:paraId="596DCCE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8         CLEAN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CLOUD..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NO LOCKS..WON&amp;#039;T POWER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ON..Thi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Pad has a bad power button and will not power on. I </w:t>
            </w:r>
          </w:p>
          <w:p w14:paraId="645AF59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9                                                    iPad would not update after last software upgrade from Apple</w:t>
            </w:r>
          </w:p>
          <w:p w14:paraId="108D624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0                                                                             Just broken screen still works fine</w:t>
            </w:r>
          </w:p>
          <w:p w14:paraId="1AFEFF6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1            Non-Functioning Unit, handset only. Please refer to the item description below. Contact us with any </w:t>
            </w:r>
          </w:p>
          <w:p w14:paraId="4398D73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2                                                         Please scroll down to see pictures and full description</w:t>
            </w:r>
          </w:p>
          <w:p w14:paraId="5984B5F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3                                                                        powering on but stuck on th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tune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logo</w:t>
            </w:r>
          </w:p>
          <w:p w14:paraId="53468B6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4   Th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won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t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power on. I set it on a charger for a while and nothing happened. Since I can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t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get </w:t>
            </w:r>
          </w:p>
          <w:p w14:paraId="545F5FE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5              Touch screen issue; handset only. Please refer to the item description below. Contact us with any </w:t>
            </w:r>
          </w:p>
          <w:p w14:paraId="69EF57E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6                       USED. IN GOOD CONDITION. HAS SMALL CRACK ON TOP RIGHT CORNER. WIPED CLEAN. READY FOR USE.</w:t>
            </w:r>
          </w:p>
          <w:p w14:paraId="1E0BB56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7                    2 x iPad Air, 5 x iPad 4 &amp;amp; 1 x iPad 2 - None are iCloud Locked - Please Read Description</w:t>
            </w:r>
          </w:p>
          <w:p w14:paraId="423ACF4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8                                                                                                          broken</w:t>
            </w:r>
          </w:p>
          <w:p w14:paraId="652F1D6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9                                                                                                  Cracked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creen</w:t>
            </w:r>
            <w:proofErr w:type="gramEnd"/>
          </w:p>
          <w:p w14:paraId="5B88CCB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0                                  Item is fully functional it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s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just it won&amp;#039;t let me connect to iTunes</w:t>
            </w:r>
          </w:p>
          <w:p w14:paraId="2A236F5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1                  PLEASE READ THE ENTIRE DESCRIPTION! THE ANSWER TO YOUR QUESTION(S) ARE USUALLY ALREADY IN THE </w:t>
            </w:r>
          </w:p>
          <w:p w14:paraId="2C72252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2                  PLEASE READ THE ENTIRE DESCRIPTION! THE ANSWER TO YOUR QUESTION(S) ARE USUALLY ALREADY IN THE </w:t>
            </w:r>
          </w:p>
          <w:p w14:paraId="32093CB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3                                                         Please scroll down to see pictures and full description</w:t>
            </w:r>
          </w:p>
          <w:p w14:paraId="276BEF2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4             Stopped charging a few years ago, took to apple and they said the connector pin inside th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s </w:t>
            </w:r>
          </w:p>
          <w:p w14:paraId="72C1C85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5 The display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doesn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t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work, will need a new screen, SOLD AS IS, price reflected.  Being that it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s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sold </w:t>
            </w:r>
          </w:p>
          <w:p w14:paraId="0F2F750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6                                                          WORKING! Cracked screen and dented corners, see photos</w:t>
            </w:r>
          </w:p>
          <w:p w14:paraId="2AA9ECC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7                                                                                           &amp;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lt;iCloud</w:t>
            </w:r>
            <w:proofErr w:type="spellEnd"/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Locked&amp;g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;</w:t>
            </w:r>
          </w:p>
          <w:p w14:paraId="53EC861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8                          8 x 64GB, 2 x 32GB &amp;amp; 2 x 16GB iPad 1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ifi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&amp;amp; Cellular - Please Read Description</w:t>
            </w:r>
          </w:p>
          <w:p w14:paraId="33E0583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9                                                                                                   Broken Screen</w:t>
            </w:r>
          </w:p>
          <w:p w14:paraId="40A4797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0                                          Cracked Screen, but device is still fully functional. iCloud Unlocked.</w:t>
            </w:r>
          </w:p>
          <w:p w14:paraId="00D3A08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1                                               iPad Air 2 16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gb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Logic board NO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CLOUD !!!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NO TURN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ON ,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NO POWER</w:t>
            </w:r>
          </w:p>
          <w:p w14:paraId="51C1D83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2                   Minor cosmetic defects, LCD in working order. THIS DEVICE IS I CLOUD LOCKED AND UNABLE TO BE </w:t>
            </w:r>
          </w:p>
          <w:p w14:paraId="148FD3C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3            Non-Functioning Unit, handset only. Please refer to the item description below. Contact us with any </w:t>
            </w:r>
          </w:p>
          <w:p w14:paraId="6CBB4D0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4                         Please note that this unit is in working condition, but is locked with another Apple ID</w:t>
            </w:r>
          </w:p>
          <w:p w14:paraId="6887156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5            This auction is for the iPad Mini for Parts only. This iPad Mini is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locked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and the owner forgot the </w:t>
            </w:r>
          </w:p>
          <w:p w14:paraId="214D070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6                                                          Water damage, broken. See full description for details</w:t>
            </w:r>
          </w:p>
          <w:p w14:paraId="231385F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7          ‰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ÛÏGrad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A condition means that th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s 100% working condition. Cosmetically 8/9 out of 10 - Will </w:t>
            </w:r>
          </w:p>
          <w:p w14:paraId="3F080AB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8                                         Comes with USB Cable and wall adapter.  May have minor dings or scuffs.</w:t>
            </w:r>
          </w:p>
          <w:p w14:paraId="328FACC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9              Great condition had a new battery installed 3 months ago by my local Apple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tore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so it works like </w:t>
            </w:r>
          </w:p>
          <w:p w14:paraId="4CE32A4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lastRenderedPageBreak/>
              <w:t>60                                                                                                   6 months old.</w:t>
            </w:r>
          </w:p>
          <w:p w14:paraId="41D9A82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1                                                                     Brand new unopened still sealed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ipa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air 2.</w:t>
            </w:r>
          </w:p>
          <w:p w14:paraId="5615C40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2                                                                                             brand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new&amp;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lt;br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&amp;g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;</w:t>
            </w:r>
          </w:p>
          <w:p w14:paraId="1C0D254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3                                                                              Excellent condition. No scratches.</w:t>
            </w:r>
          </w:p>
          <w:p w14:paraId="3F5C7A4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4                                  It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s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n an open box with all accessories still in the original packaging.</w:t>
            </w:r>
          </w:p>
          <w:p w14:paraId="59CC9D7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5                                                                                      its new with 2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eek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f use</w:t>
            </w:r>
          </w:p>
          <w:p w14:paraId="19C1884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6             Looks brand new.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Doesn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t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have the box for it. Only has 1 scratch one it, very small. Not even </w:t>
            </w:r>
          </w:p>
          <w:p w14:paraId="30956EB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7                                                              No box, purchased for company demo but never used.</w:t>
            </w:r>
          </w:p>
          <w:p w14:paraId="6FC576C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8                                                                            used but in extremely good condition</w:t>
            </w:r>
          </w:p>
          <w:p w14:paraId="056A029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9                                                                      Used for only two days mint!! W blue cover</w:t>
            </w:r>
          </w:p>
          <w:p w14:paraId="4EF2162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0              VERY special auction for an open box Space Gray iPad Air 2 16gb Cellular. Device is covered under </w:t>
            </w:r>
          </w:p>
          <w:p w14:paraId="3847971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1                                                                                            Rarely ever used it.</w:t>
            </w:r>
          </w:p>
          <w:p w14:paraId="2D7C933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2       Brand new, opened it but realized I don&amp;#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39;t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need it. Purchased at best buy and still have the receipt </w:t>
            </w:r>
          </w:p>
          <w:p w14:paraId="1F29805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3                                                                                                    New Open Box</w:t>
            </w:r>
          </w:p>
          <w:p w14:paraId="162DB37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4                                                                                   New, sealed, box not included</w:t>
            </w:r>
          </w:p>
          <w:p w14:paraId="724AD3F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5                                      Brand-new only broke th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hrinkwrap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to make sure that it was for T-Mobile.</w:t>
            </w:r>
          </w:p>
          <w:p w14:paraId="3BB28E9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6                                                                               New - Open Box. Charger included.</w:t>
            </w:r>
          </w:p>
          <w:p w14:paraId="4C15D57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biddabl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        condition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cellular  carrier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color storage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productlin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sold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UniqueID</w:t>
            </w:r>
            <w:proofErr w:type="spellEnd"/>
          </w:p>
          <w:p w14:paraId="7CAABAB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       0      29.95 For parts or not working        0     None    Unknown      16      iPad 1    1    11609</w:t>
            </w:r>
          </w:p>
          <w:p w14:paraId="3CCA478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         0      36.95 For parts or not working        0     None    Unknown      16      iPad 1    1    11721</w:t>
            </w:r>
          </w:p>
          <w:p w14:paraId="3726539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         0      36.95 For parts or not working        0     None    Unknown      16      iPad 1    1    11738</w:t>
            </w:r>
          </w:p>
          <w:p w14:paraId="5462A4D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         0      36.95 For parts or not working        0     None    Unknown      16      iPad 1    1    11812</w:t>
            </w:r>
          </w:p>
          <w:p w14:paraId="675BDBF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         1       0.99 For parts or not working        0     None      Black      16      iPad 4    1    11744</w:t>
            </w:r>
          </w:p>
          <w:p w14:paraId="4A13AF6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         0      99.95 For parts or not working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Unknown      16      iPad 3    1    11735</w:t>
            </w:r>
          </w:p>
          <w:p w14:paraId="703E217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         1       0.99 For parts or not working        0     None Space Gray      16   iPad mini    1    11647</w:t>
            </w:r>
          </w:p>
          <w:p w14:paraId="1A95F06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8         1       0.99 For parts or not working        0     None    Unknown      16      iPad 2    1    11681</w:t>
            </w:r>
          </w:p>
          <w:p w14:paraId="0533645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9         1       0.99 For parts or not working        0     None    Unknown      16   iPad mini    1    11723</w:t>
            </w:r>
          </w:p>
          <w:p w14:paraId="1F9C88A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0        1       0.99 For parts or not working        0     None    Unknown      16    iPad Air    1    11730</w:t>
            </w:r>
          </w:p>
          <w:p w14:paraId="5332AFC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1        1       0.99 For parts or not working        0     None      Black      16   iPad mini    1    11726</w:t>
            </w:r>
          </w:p>
          <w:p w14:paraId="5A8F3C7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2        0      29.99 For parts or not working        1     AT&amp;T      Black      16      iPad 1    1    11707</w:t>
            </w:r>
          </w:p>
          <w:p w14:paraId="440F77C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3        1     100.00 For parts or not working        0     None      White      16    iPad Air    1    11762</w:t>
            </w:r>
          </w:p>
          <w:p w14:paraId="2072B8E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4        1      20.00 For parts or not working        0     None Space Gray      16   iPad mini    1    11717</w:t>
            </w:r>
          </w:p>
          <w:p w14:paraId="6C2C44D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5        1       0.99 For parts or not working        0     None      Black      16   iPad mini    1    11660</w:t>
            </w:r>
          </w:p>
          <w:p w14:paraId="7958EA0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6        1      19.95 For parts or not working        0     None      White      16      iPad 2    1    11785</w:t>
            </w:r>
          </w:p>
          <w:p w14:paraId="6317022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7        1       0.99 For parts or not working        0     None      Black      16   iPad mini    1    11689</w:t>
            </w:r>
          </w:p>
          <w:p w14:paraId="04BA9CD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8        1       0.99 For parts or not working        1 T-Mobile      White      16    iPad Air    1    11654</w:t>
            </w:r>
          </w:p>
          <w:p w14:paraId="0620861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9        1       0.99 For parts or not working        0     None    Unknown      16 iPad mini 2    1    11652</w:t>
            </w:r>
          </w:p>
          <w:p w14:paraId="28C4852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0        1       9.99 For parts or not working        0     None      White      16   iPad mini    1    11732</w:t>
            </w:r>
          </w:p>
          <w:p w14:paraId="16352BD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1        1      10.00 For parts or not working        0     None    Unknown      16   iPad mini    1    11628</w:t>
            </w:r>
          </w:p>
          <w:p w14:paraId="10DFCEE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2        1       0.99 For parts or not working        0     None    Unknown      16      iPad 2    1    11620</w:t>
            </w:r>
          </w:p>
          <w:p w14:paraId="7511D1D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3        0      59.99 For parts or not working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Unknown      16      iPad 2    1    11852</w:t>
            </w:r>
          </w:p>
          <w:p w14:paraId="47AC992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4        1       0.99 For parts or not working        0     None      White      16      iPad 4    1    11603</w:t>
            </w:r>
          </w:p>
          <w:p w14:paraId="437C118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5        0     144.50 For parts or not working        0     None      Black      16      iPad 4    1    11702</w:t>
            </w:r>
          </w:p>
          <w:p w14:paraId="09B885B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6        1      74.99 For parts or not working        0     None      Black      16      iPad 2    1    11669</w:t>
            </w:r>
          </w:p>
          <w:p w14:paraId="06EF718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7        0      55.66 For parts or not working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White      32      iPad 1    1    11753</w:t>
            </w:r>
          </w:p>
          <w:p w14:paraId="2AE27DD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8        1      15.00 For parts or not working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32      iPad 1    1    11611</w:t>
            </w:r>
          </w:p>
          <w:p w14:paraId="4E0367D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9        1      25.00 For parts or not working        0     None    Unknown      32      iPad 3    1    11624</w:t>
            </w:r>
          </w:p>
          <w:p w14:paraId="73B48EA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0        1      25.00 For parts or not working        0     None      White      32   iPad mini    1    11661</w:t>
            </w:r>
          </w:p>
          <w:p w14:paraId="70D1A92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1        1       0.99 For parts or not working        0     None    Unknown      32      iPad 4    1    11690</w:t>
            </w:r>
          </w:p>
          <w:p w14:paraId="3653538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2        0      52.99 For parts or not working        1     AT&amp;T      Black      32      iPad 1    1    11727</w:t>
            </w:r>
          </w:p>
          <w:p w14:paraId="35B910F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3        1       0.99 For parts or not working        0     None    Unknown      32      iPad 3    1    11635</w:t>
            </w:r>
          </w:p>
          <w:p w14:paraId="17CD2EF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4        1      15.00 For parts or not working        1     AT&amp;T    Unknown      32      iPad 1    1    11598</w:t>
            </w:r>
          </w:p>
          <w:p w14:paraId="358FCC5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5        1       0.99 For parts or not working        0     None    Unknown      32      iPad 4    1    11706</w:t>
            </w:r>
          </w:p>
          <w:p w14:paraId="689FF7A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6        1       0.99 For parts or not working        0     None    Unknown      32   iPad mini    1    11710</w:t>
            </w:r>
          </w:p>
          <w:p w14:paraId="5BEDBDA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7        1       9.99 For parts or not working        1     AT&amp;T    Unknown      64      iPad 3    1    11778</w:t>
            </w:r>
          </w:p>
          <w:p w14:paraId="4A90A72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8        0      69.69 For parts or not working        0     None    Unknown      64      iPad 3    1    11596</w:t>
            </w:r>
          </w:p>
          <w:p w14:paraId="2A69389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9        1       1.00 For parts or not working        0     None    Unknown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4  iPad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Air 2    1    11688</w:t>
            </w:r>
          </w:p>
          <w:p w14:paraId="21ACE64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0        1      75.00 For parts or not working        0     None    Unknown      64      iPad 2    1    11737</w:t>
            </w:r>
          </w:p>
          <w:p w14:paraId="010A069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1        1      40.00 For parts or not working        0     None    Unknown      64      iPad 2    1    11646</w:t>
            </w:r>
          </w:p>
          <w:p w14:paraId="78AB5A1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2        1      40.00 For parts or not working        0     None    Unknown      64      iPad 2    1    11667</w:t>
            </w:r>
          </w:p>
          <w:p w14:paraId="60AC2E0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3        0      54.99 For parts or not working        1     AT&amp;T      Black      64      iPad 1    1    11676</w:t>
            </w:r>
          </w:p>
          <w:p w14:paraId="486D8EF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4        1       0.99 For parts or not working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64      iPad 1    1    11621</w:t>
            </w:r>
          </w:p>
          <w:p w14:paraId="2E117E5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5        1      49.99 For parts or not working        0     None      Black      64      iPad 1    1    11680</w:t>
            </w:r>
          </w:p>
          <w:p w14:paraId="702840F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6        1      92.00 For parts or not working        0     None    Unknown      64      iPad 2    1    11650</w:t>
            </w:r>
          </w:p>
          <w:p w14:paraId="5352405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lastRenderedPageBreak/>
              <w:t xml:space="preserve">47        1      32.95 For parts or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orking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32     Unknown    1    11641</w:t>
            </w:r>
          </w:p>
          <w:p w14:paraId="157C25C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8        1     275.00 For parts or not working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32      iPad 1    1    11776</w:t>
            </w:r>
          </w:p>
          <w:p w14:paraId="56C2E02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9        1       0.99 For parts or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orking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32     Unknown    1    11722</w:t>
            </w:r>
          </w:p>
          <w:p w14:paraId="0D1EC26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0        1       0.99 For parts or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orking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32     Unknown    1    11729</w:t>
            </w:r>
          </w:p>
          <w:p w14:paraId="701437F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1        0      59.00 For parts or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orking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32  iPad Air 2    1    11759</w:t>
            </w:r>
          </w:p>
          <w:p w14:paraId="52B3DD1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2        1      20.00 For parts or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orking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  White      32     Unknown    1    11714</w:t>
            </w:r>
          </w:p>
          <w:p w14:paraId="5934A30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3        1       0.99 For parts or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orking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32     Unknown    1    11708</w:t>
            </w:r>
          </w:p>
          <w:p w14:paraId="535F12D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4        1     299.99 For parts or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orking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32     Unknown    1    11619</w:t>
            </w:r>
          </w:p>
          <w:p w14:paraId="0161BC8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5        0      99.99 For parts or not working        0     None      Black      32   iPad mini    1    11740</w:t>
            </w:r>
          </w:p>
          <w:p w14:paraId="1D89A63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6        0      80.00 For parts or not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working  Unknow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Unknown    Unknown      32      iPad 2    1    11725</w:t>
            </w:r>
          </w:p>
          <w:p w14:paraId="44BB31E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7        0     219.00 Manufacturer refurbish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16   iPad mini    1    11514</w:t>
            </w:r>
          </w:p>
          <w:p w14:paraId="5C77262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8        0     319.95 Manufacturer refurbished        0     None Space Gray      32    iPad Air    1    10030</w:t>
            </w:r>
          </w:p>
          <w:p w14:paraId="6200830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9        0     199.99 Manufacturer refurbished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Verizon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Black      64      iPad 2    1    10045</w:t>
            </w:r>
          </w:p>
          <w:p w14:paraId="48AFBF5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0        1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0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  White      16  iPad Air 2    1    10814</w:t>
            </w:r>
          </w:p>
          <w:p w14:paraId="194B787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1        1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99.99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1   Sprint      White      16    iPad Air    1    10119</w:t>
            </w:r>
          </w:p>
          <w:p w14:paraId="7F59589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2        0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00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Unknown      16   iPad mini    1    11504</w:t>
            </w:r>
          </w:p>
          <w:p w14:paraId="21A8F0F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3        1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00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Unknown      16   iPad mini    1    10357</w:t>
            </w:r>
          </w:p>
          <w:p w14:paraId="69306E6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4        0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19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  Black      16    iPad Air    1    10183</w:t>
            </w:r>
          </w:p>
          <w:p w14:paraId="0208FE6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5        1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60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   Gold      16  iPad Air 2    1    11260</w:t>
            </w:r>
          </w:p>
          <w:p w14:paraId="2E146EB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6        1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.99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  Black      16      iPad 1    1    10726</w:t>
            </w:r>
          </w:p>
          <w:p w14:paraId="60E920C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7        1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99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  White      16      iPad 2    1    10531</w:t>
            </w:r>
          </w:p>
          <w:p w14:paraId="6A9B542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8        1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0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Unknown      16      iPad 2    1    10303</w:t>
            </w:r>
          </w:p>
          <w:p w14:paraId="63F8182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9        1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99.99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Space Gray      16 iPad mini 3    1    10227</w:t>
            </w:r>
          </w:p>
          <w:p w14:paraId="3FC4AFD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0        1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0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1   Sprint Space Gray      16  iPad Air 2    1    10778</w:t>
            </w:r>
          </w:p>
          <w:p w14:paraId="779BCDF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1        0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25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1     AT&amp;T    Unknown      32      iPad 3    1    10037</w:t>
            </w:r>
          </w:p>
          <w:p w14:paraId="2F3928F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2        1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350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Unknown      64  iPad Air 2    1    11129</w:t>
            </w:r>
          </w:p>
          <w:p w14:paraId="3EE45F9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3        0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259.99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1   Sprint      Black      64   iPad mini    1    10693</w:t>
            </w:r>
          </w:p>
          <w:p w14:paraId="5A3527D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4        1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.99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      0     None    Unknown     128  iPad Air 2    1    11115</w:t>
            </w:r>
          </w:p>
          <w:p w14:paraId="444604C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5        0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439.98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Unknown  Unknown    Unknown      32     Unknown    1    10986</w:t>
            </w:r>
          </w:p>
          <w:p w14:paraId="4D31029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6        1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00.00  New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other (see details)  Unknown  Unknown    Unknown      32     Unknown    1    10130</w:t>
            </w:r>
          </w:p>
          <w:p w14:paraId="6C3CD6E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priceclas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 var1</w:t>
            </w:r>
          </w:p>
          <w:p w14:paraId="750C844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871875000</w:t>
            </w:r>
            <w:proofErr w:type="gramEnd"/>
          </w:p>
          <w:p w14:paraId="7C3A77A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2.309375000</w:t>
            </w:r>
            <w:proofErr w:type="gramEnd"/>
          </w:p>
          <w:p w14:paraId="6A0DD50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2.309375000</w:t>
            </w:r>
            <w:proofErr w:type="gramEnd"/>
          </w:p>
          <w:p w14:paraId="2FB25BC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2.309375000</w:t>
            </w:r>
            <w:proofErr w:type="gramEnd"/>
          </w:p>
          <w:p w14:paraId="6877291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3E70751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6.246875000</w:t>
            </w:r>
            <w:proofErr w:type="gramEnd"/>
          </w:p>
          <w:p w14:paraId="7B4867A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23BDD81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8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4517195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9 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2234AAB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0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59856B6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1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6E76D24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2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874375000</w:t>
            </w:r>
            <w:proofErr w:type="gramEnd"/>
          </w:p>
          <w:p w14:paraId="5F6D783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3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6.250000000</w:t>
            </w:r>
            <w:proofErr w:type="gramEnd"/>
          </w:p>
          <w:p w14:paraId="05A96CB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4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250000000</w:t>
            </w:r>
            <w:proofErr w:type="gramEnd"/>
          </w:p>
          <w:p w14:paraId="4FBB50D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5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601904B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6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246875000</w:t>
            </w:r>
            <w:proofErr w:type="gramEnd"/>
          </w:p>
          <w:p w14:paraId="3AD7050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7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65E88C8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8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2563C64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19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7FB9495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0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624375000</w:t>
            </w:r>
            <w:proofErr w:type="gramEnd"/>
          </w:p>
          <w:p w14:paraId="02402C8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1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625000000</w:t>
            </w:r>
            <w:proofErr w:type="gramEnd"/>
          </w:p>
          <w:p w14:paraId="72F93CA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2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5E98343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3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3.749375000</w:t>
            </w:r>
            <w:proofErr w:type="gramEnd"/>
          </w:p>
          <w:p w14:paraId="10194F8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4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360D6E9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5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9.031250000</w:t>
            </w:r>
            <w:proofErr w:type="gramEnd"/>
          </w:p>
          <w:p w14:paraId="3C58BB0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6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4.686875000</w:t>
            </w:r>
            <w:proofErr w:type="gramEnd"/>
          </w:p>
          <w:p w14:paraId="330BAE0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7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739375000</w:t>
            </w:r>
            <w:proofErr w:type="gramEnd"/>
          </w:p>
          <w:p w14:paraId="6220C62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8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468750000</w:t>
            </w:r>
            <w:proofErr w:type="gramEnd"/>
          </w:p>
          <w:p w14:paraId="1E5F483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29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781250000</w:t>
            </w:r>
            <w:proofErr w:type="gramEnd"/>
          </w:p>
          <w:p w14:paraId="48627C1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0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781250000</w:t>
            </w:r>
            <w:proofErr w:type="gramEnd"/>
          </w:p>
          <w:p w14:paraId="053E44F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1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30937500</w:t>
            </w:r>
            <w:proofErr w:type="gramEnd"/>
          </w:p>
          <w:p w14:paraId="40E942D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2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655937500</w:t>
            </w:r>
            <w:proofErr w:type="gramEnd"/>
          </w:p>
          <w:p w14:paraId="4FB66DB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3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30937500</w:t>
            </w:r>
            <w:proofErr w:type="gramEnd"/>
          </w:p>
          <w:p w14:paraId="249C4BD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lastRenderedPageBreak/>
              <w:t xml:space="preserve">34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468750000</w:t>
            </w:r>
            <w:proofErr w:type="gramEnd"/>
          </w:p>
          <w:p w14:paraId="1B15633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5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30937500</w:t>
            </w:r>
            <w:proofErr w:type="gramEnd"/>
          </w:p>
          <w:p w14:paraId="1E8B5FF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6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30937500</w:t>
            </w:r>
            <w:proofErr w:type="gramEnd"/>
          </w:p>
          <w:p w14:paraId="63EC4DC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7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156093750</w:t>
            </w:r>
            <w:proofErr w:type="gramEnd"/>
          </w:p>
          <w:p w14:paraId="7B71CCF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8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088906250</w:t>
            </w:r>
            <w:proofErr w:type="gramEnd"/>
          </w:p>
          <w:p w14:paraId="57D05C7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39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15625000</w:t>
            </w:r>
            <w:proofErr w:type="gramEnd"/>
          </w:p>
          <w:p w14:paraId="6F77570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0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171875000</w:t>
            </w:r>
            <w:proofErr w:type="gramEnd"/>
          </w:p>
          <w:p w14:paraId="5053A58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1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625000000</w:t>
            </w:r>
            <w:proofErr w:type="gramEnd"/>
          </w:p>
          <w:p w14:paraId="3402062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2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625000000</w:t>
            </w:r>
            <w:proofErr w:type="gramEnd"/>
          </w:p>
          <w:p w14:paraId="4CB4004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3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859218750</w:t>
            </w:r>
            <w:proofErr w:type="gramEnd"/>
          </w:p>
          <w:p w14:paraId="307AACE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4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15468750</w:t>
            </w:r>
            <w:proofErr w:type="gramEnd"/>
          </w:p>
          <w:p w14:paraId="6D4729D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5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781093750</w:t>
            </w:r>
            <w:proofErr w:type="gramEnd"/>
          </w:p>
          <w:p w14:paraId="5E1C67A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6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437500000</w:t>
            </w:r>
            <w:proofErr w:type="gramEnd"/>
          </w:p>
          <w:p w14:paraId="02C26AF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7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029687500</w:t>
            </w:r>
            <w:proofErr w:type="gramEnd"/>
          </w:p>
          <w:p w14:paraId="778D1BC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8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8.593750000</w:t>
            </w:r>
            <w:proofErr w:type="gramEnd"/>
          </w:p>
          <w:p w14:paraId="7B70848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49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30937500</w:t>
            </w:r>
            <w:proofErr w:type="gramEnd"/>
          </w:p>
          <w:p w14:paraId="269925F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0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30937500</w:t>
            </w:r>
            <w:proofErr w:type="gramEnd"/>
          </w:p>
          <w:p w14:paraId="5C51E5A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1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1.843750000</w:t>
            </w:r>
            <w:proofErr w:type="gramEnd"/>
          </w:p>
          <w:p w14:paraId="4CE4BDC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2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625000000</w:t>
            </w:r>
            <w:proofErr w:type="gramEnd"/>
          </w:p>
          <w:p w14:paraId="7E50F09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3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30937500</w:t>
            </w:r>
            <w:proofErr w:type="gramEnd"/>
          </w:p>
          <w:p w14:paraId="022A389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4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9.374687500</w:t>
            </w:r>
            <w:proofErr w:type="gramEnd"/>
          </w:p>
          <w:p w14:paraId="28C9654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5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3.124687500</w:t>
            </w:r>
            <w:proofErr w:type="gramEnd"/>
          </w:p>
          <w:p w14:paraId="5140052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6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2.500000000</w:t>
            </w:r>
            <w:proofErr w:type="gramEnd"/>
          </w:p>
          <w:p w14:paraId="2012934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57          1 13.687500000</w:t>
            </w:r>
          </w:p>
          <w:p w14:paraId="03A8795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8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9.998437500</w:t>
            </w:r>
            <w:proofErr w:type="gramEnd"/>
          </w:p>
          <w:p w14:paraId="7143A5B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59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3.124843750</w:t>
            </w:r>
            <w:proofErr w:type="gramEnd"/>
          </w:p>
          <w:p w14:paraId="4B3956A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0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3.125000000</w:t>
            </w:r>
            <w:proofErr w:type="gramEnd"/>
          </w:p>
          <w:p w14:paraId="71BDA07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1          1 12.499375000</w:t>
            </w:r>
          </w:p>
          <w:p w14:paraId="12C24C6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2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6.250000000</w:t>
            </w:r>
            <w:proofErr w:type="gramEnd"/>
          </w:p>
          <w:p w14:paraId="42FABED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3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6.250000000</w:t>
            </w:r>
            <w:proofErr w:type="gramEnd"/>
          </w:p>
          <w:p w14:paraId="28786F1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4          1 19.937500000</w:t>
            </w:r>
          </w:p>
          <w:p w14:paraId="2F4A7A2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5          1 16.250000000</w:t>
            </w:r>
          </w:p>
          <w:p w14:paraId="573E12B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6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61875000</w:t>
            </w:r>
            <w:proofErr w:type="gramEnd"/>
          </w:p>
          <w:p w14:paraId="03611F2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7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6.187500000</w:t>
            </w:r>
            <w:proofErr w:type="gramEnd"/>
          </w:p>
          <w:p w14:paraId="3FF4A36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68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3.125000000</w:t>
            </w:r>
            <w:proofErr w:type="gramEnd"/>
          </w:p>
          <w:p w14:paraId="272DCC3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69          1 18.749375000</w:t>
            </w:r>
          </w:p>
          <w:p w14:paraId="2300F28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0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625000000</w:t>
            </w:r>
            <w:proofErr w:type="gramEnd"/>
          </w:p>
          <w:p w14:paraId="766467D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1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7.031250000</w:t>
            </w:r>
            <w:proofErr w:type="gramEnd"/>
          </w:p>
          <w:p w14:paraId="04EFFA8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2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5.468750000</w:t>
            </w:r>
            <w:proofErr w:type="gramEnd"/>
          </w:p>
          <w:p w14:paraId="0569A2E5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3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4.062343750</w:t>
            </w:r>
            <w:proofErr w:type="gramEnd"/>
          </w:p>
          <w:p w14:paraId="409AECF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4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0.007734375</w:t>
            </w:r>
            <w:proofErr w:type="gramEnd"/>
          </w:p>
          <w:p w14:paraId="12821F1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75          1 13.749375000</w:t>
            </w:r>
          </w:p>
          <w:p w14:paraId="24EFA141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76        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0  3.125000000</w:t>
            </w:r>
            <w:proofErr w:type="gramEnd"/>
          </w:p>
          <w:p w14:paraId="180A03A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[ reached 'max' /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getOption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("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max.prin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") -- omitted 268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rows ]</w:t>
            </w:r>
            <w:proofErr w:type="gramEnd"/>
          </w:p>
          <w:p w14:paraId="533B94C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# Generate summary about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column of p</w:t>
            </w:r>
          </w:p>
          <w:p w14:paraId="2FC7987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ummaris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p, </w:t>
            </w:r>
          </w:p>
          <w:p w14:paraId="17301473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+           minimum = min(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), </w:t>
            </w:r>
          </w:p>
          <w:p w14:paraId="2A8D3AB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+           average = mean(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), </w:t>
            </w:r>
          </w:p>
          <w:p w14:paraId="0713895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+           max = max(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), </w:t>
            </w:r>
          </w:p>
          <w:p w14:paraId="138924F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+        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=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,</w:t>
            </w:r>
          </w:p>
          <w:p w14:paraId="0F5C5826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+           inter =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IQR(</w:t>
            </w:r>
            <w:proofErr w:type="spellStart"/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)</w:t>
            </w:r>
          </w:p>
          <w:p w14:paraId="64AE6EA9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minimum  average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max    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inter</w:t>
            </w:r>
          </w:p>
          <w:p w14:paraId="12D846D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  0.01 186.3447 699.95 139.6412 189.9875</w:t>
            </w:r>
          </w:p>
          <w:p w14:paraId="0E21E90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# Generate summary about storage column of housing</w:t>
            </w:r>
          </w:p>
          <w:p w14:paraId="45F5FD0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ummaris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p, </w:t>
            </w:r>
          </w:p>
          <w:p w14:paraId="08F99C17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+           minimum = min(storage), </w:t>
            </w:r>
          </w:p>
          <w:p w14:paraId="6AE5D2F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+           average = mean(storage), </w:t>
            </w:r>
          </w:p>
          <w:p w14:paraId="0DDAC81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+           max = max(storage), </w:t>
            </w:r>
          </w:p>
          <w:p w14:paraId="1D3BC28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+        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=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storage),</w:t>
            </w:r>
          </w:p>
          <w:p w14:paraId="18A34FAD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+           inter = 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IQR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orage))</w:t>
            </w:r>
          </w:p>
          <w:p w14:paraId="4C345904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minimum average max   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sd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inter</w:t>
            </w:r>
          </w:p>
          <w:p w14:paraId="0F47DF00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160C28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1      16 33.2557 128 24.7185    16</w:t>
            </w:r>
          </w:p>
          <w:p w14:paraId="5342AFBB" w14:textId="77777777" w:rsidR="00160C28" w:rsidRPr="00160C28" w:rsidRDefault="00160C28" w:rsidP="00160C28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160C28" w:rsidRPr="00160C28" w14:paraId="0AC3E9BD" w14:textId="77777777" w:rsidTr="00160C28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p w14:paraId="3832AA81" w14:textId="77777777" w:rsidR="00160C28" w:rsidRPr="00160C28" w:rsidRDefault="00160C28" w:rsidP="00160C28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160C28" w:rsidRPr="00160C28" w14:paraId="28360069" w14:textId="77777777" w:rsidTr="00160C28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tbl>
            <w:tblPr>
              <w:tblW w:w="15090" w:type="dxa"/>
              <w:tblCellSpacing w:w="0" w:type="dxa"/>
              <w:tblCellMar>
                <w:left w:w="0" w:type="dxa"/>
                <w:right w:w="0" w:type="dxa"/>
              </w:tblCellMar>
              <w:tblLook w:val="04A0" w:firstRow="1" w:lastRow="0" w:firstColumn="1" w:lastColumn="0" w:noHBand="0" w:noVBand="1"/>
            </w:tblPr>
            <w:tblGrid>
              <w:gridCol w:w="15090"/>
            </w:tblGrid>
            <w:tr w:rsidR="00160C28" w:rsidRPr="00160C28" w14:paraId="7D18F65E" w14:textId="77777777">
              <w:trPr>
                <w:tblCellSpacing w:w="0" w:type="dxa"/>
              </w:trPr>
              <w:tc>
                <w:tcPr>
                  <w:tcW w:w="15" w:type="dxa"/>
                  <w:hideMark/>
                </w:tcPr>
                <w:p w14:paraId="18EAA718" w14:textId="77777777" w:rsidR="00160C28" w:rsidRPr="00160C28" w:rsidRDefault="00160C28" w:rsidP="00160C28">
                  <w:pPr>
                    <w:spacing w:after="0" w:line="240" w:lineRule="auto"/>
                    <w:rPr>
                      <w:rFonts w:ascii="Lucida Console" w:eastAsia="Times New Roman" w:hAnsi="Lucida Console" w:cs="Times New Roman"/>
                      <w:color w:val="0000FF"/>
                      <w:sz w:val="24"/>
                      <w:szCs w:val="24"/>
                    </w:rPr>
                  </w:pPr>
                  <w:r w:rsidRPr="00160C28">
                    <w:rPr>
                      <w:rFonts w:ascii="Lucida Console" w:eastAsia="Times New Roman" w:hAnsi="Lucida Console" w:cs="Times New Roman"/>
                      <w:color w:val="0000FF"/>
                      <w:sz w:val="24"/>
                      <w:szCs w:val="24"/>
                    </w:rPr>
                    <w:lastRenderedPageBreak/>
                    <w:t xml:space="preserve">&gt; </w:t>
                  </w:r>
                </w:p>
              </w:tc>
            </w:tr>
          </w:tbl>
          <w:p w14:paraId="41B06C42" w14:textId="77777777" w:rsidR="00160C28" w:rsidRPr="00160C28" w:rsidRDefault="00160C28" w:rsidP="00160C28">
            <w:pPr>
              <w:spacing w:after="0" w:line="240" w:lineRule="auto"/>
              <w:rPr>
                <w:rFonts w:ascii="Lucida Console" w:eastAsia="Times New Roman" w:hAnsi="Lucida Console" w:cs="Times New Roman"/>
                <w:color w:val="000000"/>
                <w:sz w:val="24"/>
                <w:szCs w:val="24"/>
              </w:rPr>
            </w:pPr>
          </w:p>
        </w:tc>
      </w:tr>
    </w:tbl>
    <w:p w14:paraId="405D1B74" w14:textId="77777777" w:rsidR="00160C28" w:rsidRDefault="00160C28" w:rsidP="00160C28">
      <w:r>
        <w:t>#### Visualization ###</w:t>
      </w:r>
    </w:p>
    <w:p w14:paraId="4EF30D4D" w14:textId="77777777" w:rsidR="00160C28" w:rsidRDefault="00160C28" w:rsidP="00160C28">
      <w:r>
        <w:t xml:space="preserve"># Load the necessary package </w:t>
      </w:r>
    </w:p>
    <w:p w14:paraId="5D522CD8" w14:textId="77777777" w:rsidR="00160C28" w:rsidRDefault="00160C28" w:rsidP="00160C28">
      <w:r>
        <w:t xml:space="preserve">library(ggplot2)   </w:t>
      </w:r>
    </w:p>
    <w:p w14:paraId="348F4D8F" w14:textId="77777777" w:rsidR="00160C28" w:rsidRDefault="00160C28" w:rsidP="00160C28"/>
    <w:p w14:paraId="789F40C9" w14:textId="77777777" w:rsidR="00160C28" w:rsidRDefault="00160C28" w:rsidP="00160C28">
      <w:r>
        <w:t xml:space="preserve"># Create a scatter plot between </w:t>
      </w:r>
      <w:proofErr w:type="spellStart"/>
      <w:r>
        <w:t>startprice</w:t>
      </w:r>
      <w:proofErr w:type="spellEnd"/>
      <w:r>
        <w:t xml:space="preserve"> and storage </w:t>
      </w:r>
    </w:p>
    <w:p w14:paraId="1085570F" w14:textId="77777777" w:rsidR="00160C28" w:rsidRDefault="00160C28" w:rsidP="00160C28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 xml:space="preserve">(x = storage, y = </w:t>
      </w:r>
      <w:proofErr w:type="spellStart"/>
      <w:r>
        <w:t>startprice</w:t>
      </w:r>
      <w:proofErr w:type="spellEnd"/>
      <w:r>
        <w:t>)) +</w:t>
      </w:r>
    </w:p>
    <w:p w14:paraId="2E043A25" w14:textId="7A6B0F49" w:rsidR="00160C28" w:rsidRDefault="00160C28" w:rsidP="00160C28">
      <w:r>
        <w:t xml:space="preserve">  </w:t>
      </w:r>
      <w:proofErr w:type="spellStart"/>
      <w:r>
        <w:t>geom_</w:t>
      </w:r>
      <w:proofErr w:type="gramStart"/>
      <w:r>
        <w:t>point</w:t>
      </w:r>
      <w:proofErr w:type="spellEnd"/>
      <w:r>
        <w:t>(</w:t>
      </w:r>
      <w:proofErr w:type="gramEnd"/>
      <w:r>
        <w:t>)</w:t>
      </w:r>
    </w:p>
    <w:p w14:paraId="78364D64" w14:textId="323F75E6" w:rsidR="00160C28" w:rsidRDefault="00160C28" w:rsidP="00160C28">
      <w:r>
        <w:rPr>
          <w:noProof/>
        </w:rPr>
        <w:drawing>
          <wp:inline distT="0" distB="0" distL="0" distR="0" wp14:anchorId="5AE5E328" wp14:editId="2E0C8B0E">
            <wp:extent cx="5943600" cy="3933825"/>
            <wp:effectExtent l="0" t="0" r="0" b="9525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338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79ABBEA" w14:textId="13045376" w:rsidR="00160C28" w:rsidRDefault="00160C28" w:rsidP="00160C28"/>
    <w:tbl>
      <w:tblPr>
        <w:tblW w:w="15435" w:type="dxa"/>
        <w:tblCellSpacing w:w="0" w:type="dxa"/>
        <w:shd w:val="clear" w:color="auto" w:fill="FFFFFF"/>
        <w:tblCellMar>
          <w:left w:w="90" w:type="dxa"/>
          <w:bottom w:w="120" w:type="dxa"/>
          <w:right w:w="0" w:type="dxa"/>
        </w:tblCellMar>
        <w:tblLook w:val="04A0" w:firstRow="1" w:lastRow="0" w:firstColumn="1" w:lastColumn="0" w:noHBand="0" w:noVBand="1"/>
      </w:tblPr>
      <w:tblGrid>
        <w:gridCol w:w="15435"/>
      </w:tblGrid>
      <w:tr w:rsidR="00160C28" w:rsidRPr="00160C28" w14:paraId="3804303A" w14:textId="77777777" w:rsidTr="00160C28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p w14:paraId="07D74F1B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#### Visualization ###</w:t>
            </w:r>
          </w:p>
          <w:p w14:paraId="6A02779A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# Load the necessary package </w:t>
            </w:r>
          </w:p>
          <w:p w14:paraId="7BB3430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library(ggplot2)   </w:t>
            </w:r>
          </w:p>
          <w:p w14:paraId="271E8B6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# Create a scatter plot between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and storage </w:t>
            </w:r>
          </w:p>
          <w:p w14:paraId="59D7BD6C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ggplo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p,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ae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(x = storage, y =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) +</w:t>
            </w:r>
          </w:p>
          <w:p w14:paraId="448AB67F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+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geom_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poin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</w:t>
            </w:r>
          </w:p>
          <w:p w14:paraId="1887ECF2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# In the above plot, add the color argument which should be dependent on the sold Variable</w:t>
            </w:r>
          </w:p>
          <w:p w14:paraId="3199CC58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ggplo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p,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aes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(x = storage, y =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artprice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, color = sold)) +</w:t>
            </w:r>
          </w:p>
          <w:p w14:paraId="744109EE" w14:textId="77777777" w:rsidR="00160C28" w:rsidRPr="00160C28" w:rsidRDefault="00160C28" w:rsidP="00160C28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+   </w:t>
            </w:r>
            <w:proofErr w:type="spell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geom_</w:t>
            </w:r>
            <w:proofErr w:type="gramStart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point</w:t>
            </w:r>
            <w:proofErr w:type="spell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gramEnd"/>
            <w:r w:rsidRPr="00160C28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</w:t>
            </w:r>
          </w:p>
          <w:p w14:paraId="7E26F7FA" w14:textId="77777777" w:rsidR="00160C28" w:rsidRPr="00160C28" w:rsidRDefault="00160C28" w:rsidP="00160C28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</w:rPr>
            </w:pPr>
          </w:p>
        </w:tc>
      </w:tr>
      <w:tr w:rsidR="00160C28" w:rsidRPr="00160C28" w14:paraId="03F13415" w14:textId="77777777" w:rsidTr="00160C28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p w14:paraId="13BAE509" w14:textId="77777777" w:rsidR="00160C28" w:rsidRPr="00160C28" w:rsidRDefault="00160C28" w:rsidP="00160C28">
            <w:pPr>
              <w:spacing w:after="0" w:line="240" w:lineRule="auto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160C28" w:rsidRPr="00160C28" w14:paraId="10730A09" w14:textId="77777777" w:rsidTr="00160C28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tbl>
            <w:tblPr>
              <w:tblW w:w="15345" w:type="dxa"/>
              <w:tblCellSpacing w:w="0" w:type="dxa"/>
              <w:tblCellMar>
                <w:left w:w="0" w:type="dxa"/>
                <w:right w:w="0" w:type="dxa"/>
              </w:tblCellMar>
              <w:tblLook w:val="04A0" w:firstRow="1" w:lastRow="0" w:firstColumn="1" w:lastColumn="0" w:noHBand="0" w:noVBand="1"/>
            </w:tblPr>
            <w:tblGrid>
              <w:gridCol w:w="15345"/>
            </w:tblGrid>
            <w:tr w:rsidR="00160C28" w:rsidRPr="00160C28" w14:paraId="43D9AEF1" w14:textId="77777777">
              <w:trPr>
                <w:tblCellSpacing w:w="0" w:type="dxa"/>
              </w:trPr>
              <w:tc>
                <w:tcPr>
                  <w:tcW w:w="15" w:type="dxa"/>
                  <w:hideMark/>
                </w:tcPr>
                <w:p w14:paraId="5767CABE" w14:textId="77777777" w:rsidR="00160C28" w:rsidRPr="00160C28" w:rsidRDefault="00160C28" w:rsidP="00160C28">
                  <w:pPr>
                    <w:spacing w:after="0" w:line="240" w:lineRule="auto"/>
                    <w:rPr>
                      <w:rFonts w:ascii="Lucida Console" w:eastAsia="Times New Roman" w:hAnsi="Lucida Console" w:cs="Times New Roman"/>
                      <w:color w:val="0000FF"/>
                      <w:sz w:val="24"/>
                      <w:szCs w:val="24"/>
                    </w:rPr>
                  </w:pPr>
                  <w:r w:rsidRPr="00160C28">
                    <w:rPr>
                      <w:rFonts w:ascii="Lucida Console" w:eastAsia="Times New Roman" w:hAnsi="Lucida Console" w:cs="Times New Roman"/>
                      <w:color w:val="0000FF"/>
                      <w:sz w:val="24"/>
                      <w:szCs w:val="24"/>
                    </w:rPr>
                    <w:t xml:space="preserve">&gt; </w:t>
                  </w:r>
                </w:p>
              </w:tc>
            </w:tr>
          </w:tbl>
          <w:p w14:paraId="11193E2D" w14:textId="77777777" w:rsidR="00160C28" w:rsidRPr="00160C28" w:rsidRDefault="00160C28" w:rsidP="00160C28">
            <w:pPr>
              <w:spacing w:after="0" w:line="240" w:lineRule="auto"/>
              <w:rPr>
                <w:rFonts w:ascii="Lucida Console" w:eastAsia="Times New Roman" w:hAnsi="Lucida Console" w:cs="Times New Roman"/>
                <w:color w:val="000000"/>
                <w:sz w:val="24"/>
                <w:szCs w:val="24"/>
              </w:rPr>
            </w:pPr>
          </w:p>
        </w:tc>
      </w:tr>
    </w:tbl>
    <w:p w14:paraId="280280A7" w14:textId="4A337B31" w:rsidR="00160C28" w:rsidRDefault="00160C28" w:rsidP="00160C28">
      <w:r>
        <w:rPr>
          <w:noProof/>
        </w:rPr>
        <w:lastRenderedPageBreak/>
        <w:drawing>
          <wp:inline distT="0" distB="0" distL="0" distR="0" wp14:anchorId="025AB63B" wp14:editId="05773B88">
            <wp:extent cx="5943600" cy="3857625"/>
            <wp:effectExtent l="0" t="0" r="0" b="952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57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409D5C7" w14:textId="1B2CB416" w:rsidR="00160C28" w:rsidRDefault="00160C28" w:rsidP="00160C28"/>
    <w:p w14:paraId="3EEE27B0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 In the above plot where you had used the color argument, please add the smooth line using the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smooth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) function</w:t>
      </w:r>
    </w:p>
    <w:p w14:paraId="51755FC1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ggplo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(x = storage, y = 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>, color = sold)) +</w:t>
      </w:r>
    </w:p>
    <w:p w14:paraId="1EE760A2" w14:textId="77777777" w:rsidR="00160C28" w:rsidRDefault="00160C28" w:rsidP="00160C28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poin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) +</w:t>
      </w:r>
    </w:p>
    <w:p w14:paraId="2D72E172" w14:textId="77777777" w:rsidR="00160C28" w:rsidRDefault="00160C28" w:rsidP="00160C28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smooth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)</w:t>
      </w:r>
    </w:p>
    <w:p w14:paraId="1D057767" w14:textId="2B3FADE7" w:rsidR="00160C28" w:rsidRDefault="00160C28" w:rsidP="00160C28"/>
    <w:p w14:paraId="59268BF7" w14:textId="77777777" w:rsidR="00A551E7" w:rsidRDefault="00A551E7" w:rsidP="00160C28"/>
    <w:p w14:paraId="0D4ECEF0" w14:textId="77777777" w:rsidR="00A551E7" w:rsidRDefault="00A551E7" w:rsidP="00160C28"/>
    <w:p w14:paraId="07595331" w14:textId="77777777" w:rsidR="00A551E7" w:rsidRDefault="00A551E7" w:rsidP="00160C28"/>
    <w:p w14:paraId="11E8C2C2" w14:textId="77777777" w:rsidR="00A551E7" w:rsidRDefault="00A551E7" w:rsidP="00160C28"/>
    <w:p w14:paraId="52653C00" w14:textId="77777777" w:rsidR="00A551E7" w:rsidRDefault="00A551E7" w:rsidP="00160C28"/>
    <w:p w14:paraId="44FF4871" w14:textId="10BBAF95" w:rsidR="00160C28" w:rsidRDefault="000F77C4" w:rsidP="00160C28">
      <w:r>
        <w:rPr>
          <w:noProof/>
        </w:rPr>
        <w:lastRenderedPageBreak/>
        <w:drawing>
          <wp:inline distT="0" distB="0" distL="0" distR="0" wp14:anchorId="78385672" wp14:editId="098E76C5">
            <wp:extent cx="5943600" cy="3875405"/>
            <wp:effectExtent l="0" t="0" r="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754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B4BA9F8" w14:textId="70C44377" w:rsidR="00A551E7" w:rsidRDefault="00A551E7" w:rsidP="00160C28"/>
    <w:p w14:paraId="6678FB67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ggplo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>)) +</w:t>
      </w:r>
    </w:p>
    <w:p w14:paraId="4A5186A5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histogram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)</w:t>
      </w:r>
    </w:p>
    <w:p w14:paraId="345D2B29" w14:textId="34A734D2" w:rsidR="00A551E7" w:rsidRDefault="00A551E7" w:rsidP="00160C28"/>
    <w:p w14:paraId="0DA21DB4" w14:textId="2EE2B8BE" w:rsidR="00A551E7" w:rsidRDefault="00A551E7" w:rsidP="00160C28">
      <w:r>
        <w:rPr>
          <w:noProof/>
        </w:rPr>
        <w:lastRenderedPageBreak/>
        <w:drawing>
          <wp:inline distT="0" distB="0" distL="0" distR="0" wp14:anchorId="6F2C7E35" wp14:editId="46E3DEAF">
            <wp:extent cx="5943600" cy="4637405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6374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AD60A58" w14:textId="29DF19FB" w:rsidR="00A551E7" w:rsidRDefault="00A551E7" w:rsidP="00160C28"/>
    <w:p w14:paraId="38093E26" w14:textId="77777777" w:rsidR="00A551E7" w:rsidRDefault="00A551E7" w:rsidP="00A551E7">
      <w:proofErr w:type="spellStart"/>
      <w:proofErr w:type="gramStart"/>
      <w:r>
        <w:t>ggplot</w:t>
      </w:r>
      <w:proofErr w:type="spellEnd"/>
      <w:r>
        <w:t>(</w:t>
      </w:r>
      <w:proofErr w:type="gramEnd"/>
      <w:r>
        <w:t xml:space="preserve">p, </w:t>
      </w:r>
      <w:proofErr w:type="spellStart"/>
      <w:r>
        <w:t>aes</w:t>
      </w:r>
      <w:proofErr w:type="spellEnd"/>
      <w:r>
        <w:t>(</w:t>
      </w:r>
      <w:proofErr w:type="spellStart"/>
      <w:r>
        <w:t>startprice</w:t>
      </w:r>
      <w:proofErr w:type="spellEnd"/>
      <w:r>
        <w:t>)) +</w:t>
      </w:r>
    </w:p>
    <w:p w14:paraId="6EF48234" w14:textId="459A17F7" w:rsidR="00A551E7" w:rsidRDefault="00A551E7" w:rsidP="00A551E7">
      <w:r>
        <w:t xml:space="preserve">  </w:t>
      </w:r>
      <w:proofErr w:type="spellStart"/>
      <w:r>
        <w:t>geom_</w:t>
      </w:r>
      <w:proofErr w:type="gramStart"/>
      <w:r>
        <w:t>histogram</w:t>
      </w:r>
      <w:proofErr w:type="spellEnd"/>
      <w:r>
        <w:t>(</w:t>
      </w:r>
      <w:proofErr w:type="spellStart"/>
      <w:proofErr w:type="gramEnd"/>
      <w:r>
        <w:t>binwidth</w:t>
      </w:r>
      <w:proofErr w:type="spellEnd"/>
      <w:r>
        <w:t xml:space="preserve"> = 200)</w:t>
      </w:r>
    </w:p>
    <w:p w14:paraId="439649E1" w14:textId="779D0CD5" w:rsidR="00A551E7" w:rsidRDefault="00A551E7" w:rsidP="00A551E7"/>
    <w:p w14:paraId="5F024E40" w14:textId="5903F7A2" w:rsidR="00A551E7" w:rsidRDefault="00A551E7" w:rsidP="00A551E7">
      <w:r>
        <w:rPr>
          <w:noProof/>
        </w:rPr>
        <w:lastRenderedPageBreak/>
        <w:drawing>
          <wp:inline distT="0" distB="0" distL="0" distR="0" wp14:anchorId="4A76570D" wp14:editId="7DD7C094">
            <wp:extent cx="5943600" cy="4101465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014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83FE416" w14:textId="5AD91A87" w:rsidR="00A551E7" w:rsidRDefault="00A551E7" w:rsidP="00A551E7"/>
    <w:p w14:paraId="5FFEEAC9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ggplo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>)) +</w:t>
      </w:r>
    </w:p>
    <w:p w14:paraId="51821349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histogram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proofErr w:type="gramEnd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(y = ..density..), </w:t>
      </w:r>
      <w:proofErr w:type="spellStart"/>
      <w:r>
        <w:rPr>
          <w:rStyle w:val="gd15mcfcktb"/>
          <w:rFonts w:ascii="Lucida Console" w:hAnsi="Lucida Console"/>
          <w:color w:val="0000FF"/>
        </w:rPr>
        <w:t>binwidth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= 200)</w:t>
      </w:r>
    </w:p>
    <w:p w14:paraId="55DB9963" w14:textId="062AB170" w:rsidR="00A551E7" w:rsidRDefault="00A551E7" w:rsidP="00A551E7"/>
    <w:p w14:paraId="2EE5C7F7" w14:textId="4ACCE8D8" w:rsidR="00A551E7" w:rsidRDefault="00A551E7" w:rsidP="00A551E7">
      <w:r>
        <w:rPr>
          <w:noProof/>
        </w:rPr>
        <w:lastRenderedPageBreak/>
        <w:drawing>
          <wp:inline distT="0" distB="0" distL="0" distR="0" wp14:anchorId="2453B694" wp14:editId="06CB92D7">
            <wp:extent cx="5943600" cy="3980815"/>
            <wp:effectExtent l="0" t="0" r="0" b="635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808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20D7CCA" w14:textId="4DD24DDA" w:rsidR="00A551E7" w:rsidRDefault="00A551E7" w:rsidP="00A551E7"/>
    <w:p w14:paraId="307D2F39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ggplo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>)) +</w:t>
      </w:r>
    </w:p>
    <w:p w14:paraId="4D89717A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histogram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proofErr w:type="gramEnd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(y = ..density..), </w:t>
      </w:r>
      <w:proofErr w:type="spellStart"/>
      <w:r>
        <w:rPr>
          <w:rStyle w:val="gd15mcfcktb"/>
          <w:rFonts w:ascii="Lucida Console" w:hAnsi="Lucida Console"/>
          <w:color w:val="0000FF"/>
        </w:rPr>
        <w:t>binwidth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= 200, fill = "#377EB8")</w:t>
      </w:r>
    </w:p>
    <w:p w14:paraId="1801798B" w14:textId="2CD33202" w:rsidR="00A551E7" w:rsidRDefault="00A551E7" w:rsidP="00A551E7"/>
    <w:p w14:paraId="3D3244A7" w14:textId="79B1108E" w:rsidR="00A551E7" w:rsidRDefault="00A551E7" w:rsidP="00A551E7">
      <w:r>
        <w:rPr>
          <w:noProof/>
        </w:rPr>
        <w:lastRenderedPageBreak/>
        <w:drawing>
          <wp:inline distT="0" distB="0" distL="0" distR="0" wp14:anchorId="584D3568" wp14:editId="1EB3FB01">
            <wp:extent cx="5943600" cy="3966845"/>
            <wp:effectExtent l="0" t="0" r="0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668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8D50476" w14:textId="4652439D" w:rsidR="00A551E7" w:rsidRDefault="00A551E7" w:rsidP="00A551E7"/>
    <w:p w14:paraId="65B4DB5C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ggplo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>(x = sold, fill = biddable)) +</w:t>
      </w:r>
    </w:p>
    <w:p w14:paraId="66503B7A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bar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)</w:t>
      </w:r>
    </w:p>
    <w:p w14:paraId="5CF8BCAB" w14:textId="2F06961B" w:rsidR="00A551E7" w:rsidRDefault="00A551E7" w:rsidP="00A551E7"/>
    <w:p w14:paraId="2AB95B08" w14:textId="4BBFC046" w:rsidR="00A551E7" w:rsidRDefault="00A551E7" w:rsidP="00A551E7">
      <w:r>
        <w:rPr>
          <w:noProof/>
        </w:rPr>
        <w:lastRenderedPageBreak/>
        <w:drawing>
          <wp:inline distT="0" distB="0" distL="0" distR="0" wp14:anchorId="6E466C26" wp14:editId="05092AE8">
            <wp:extent cx="5943600" cy="4169410"/>
            <wp:effectExtent l="0" t="0" r="0" b="254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694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6402DE6" w14:textId="68E2229D" w:rsidR="00A551E7" w:rsidRDefault="00A551E7" w:rsidP="00A551E7"/>
    <w:p w14:paraId="2BD4A304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ggplo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>(x = sold, fill = biddable)) +</w:t>
      </w:r>
    </w:p>
    <w:p w14:paraId="177EA98C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bar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position = "fill")</w:t>
      </w:r>
    </w:p>
    <w:p w14:paraId="4656D95F" w14:textId="713B1235" w:rsidR="00A551E7" w:rsidRDefault="00A551E7" w:rsidP="00A551E7"/>
    <w:p w14:paraId="02367DDC" w14:textId="2738D46C" w:rsidR="00A551E7" w:rsidRDefault="00A551E7" w:rsidP="00A551E7">
      <w:r>
        <w:rPr>
          <w:noProof/>
        </w:rPr>
        <w:lastRenderedPageBreak/>
        <w:drawing>
          <wp:inline distT="0" distB="0" distL="0" distR="0" wp14:anchorId="0000FC4D" wp14:editId="66355633">
            <wp:extent cx="5943600" cy="3900170"/>
            <wp:effectExtent l="0" t="0" r="0" b="508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00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24427CD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ggplo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>(x = sold, fill = biddable)) +</w:t>
      </w:r>
    </w:p>
    <w:p w14:paraId="4BB7B5BE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bar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position = "dodge")</w:t>
      </w:r>
    </w:p>
    <w:p w14:paraId="4A39EA4E" w14:textId="61C424CB" w:rsidR="00A551E7" w:rsidRDefault="00A551E7" w:rsidP="00A551E7"/>
    <w:p w14:paraId="3CC479BB" w14:textId="3D415C53" w:rsidR="00A551E7" w:rsidRDefault="00A551E7" w:rsidP="00A551E7">
      <w:r>
        <w:rPr>
          <w:noProof/>
        </w:rPr>
        <w:lastRenderedPageBreak/>
        <w:drawing>
          <wp:inline distT="0" distB="0" distL="0" distR="0" wp14:anchorId="7679AABD" wp14:editId="0A7B74ED">
            <wp:extent cx="5943600" cy="3976370"/>
            <wp:effectExtent l="0" t="0" r="0" b="508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763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F62229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p2 &lt;-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ggplo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p, </w:t>
      </w:r>
      <w:proofErr w:type="spellStart"/>
      <w:r>
        <w:rPr>
          <w:rStyle w:val="gd15mcfcktb"/>
          <w:rFonts w:ascii="Lucida Console" w:hAnsi="Lucida Console"/>
          <w:color w:val="0000FF"/>
        </w:rPr>
        <w:t>ae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(x = storage, y = </w:t>
      </w:r>
      <w:proofErr w:type="spellStart"/>
      <w:r>
        <w:rPr>
          <w:rStyle w:val="gd15mcfcktb"/>
          <w:rFonts w:ascii="Lucida Console" w:hAnsi="Lucida Console"/>
          <w:color w:val="0000FF"/>
        </w:rPr>
        <w:t>startprice</w:t>
      </w:r>
      <w:proofErr w:type="spellEnd"/>
      <w:r>
        <w:rPr>
          <w:rStyle w:val="gd15mcfcktb"/>
          <w:rFonts w:ascii="Lucida Console" w:hAnsi="Lucida Console"/>
          <w:color w:val="0000FF"/>
        </w:rPr>
        <w:t>)) +</w:t>
      </w:r>
    </w:p>
    <w:p w14:paraId="12D4C8E7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geom_</w:t>
      </w:r>
      <w:proofErr w:type="gramStart"/>
      <w:r>
        <w:rPr>
          <w:rStyle w:val="gd15mcfcktb"/>
          <w:rFonts w:ascii="Lucida Console" w:hAnsi="Lucida Console"/>
          <w:color w:val="0000FF"/>
        </w:rPr>
        <w:t>point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)</w:t>
      </w:r>
    </w:p>
    <w:p w14:paraId="0F7FA6C9" w14:textId="082C108D" w:rsidR="00A551E7" w:rsidRDefault="00A551E7" w:rsidP="00A551E7"/>
    <w:p w14:paraId="1D83A167" w14:textId="783F463E" w:rsidR="00A551E7" w:rsidRDefault="00A551E7" w:rsidP="00A551E7">
      <w:r>
        <w:rPr>
          <w:noProof/>
        </w:rPr>
        <w:lastRenderedPageBreak/>
        <w:drawing>
          <wp:inline distT="0" distB="0" distL="0" distR="0" wp14:anchorId="500FE1E5" wp14:editId="196CA694">
            <wp:extent cx="5943600" cy="3987800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878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670DE72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p2 +</w:t>
      </w:r>
    </w:p>
    <w:p w14:paraId="4312AAAF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facet_</w:t>
      </w:r>
      <w:proofErr w:type="gramStart"/>
      <w:r>
        <w:rPr>
          <w:rStyle w:val="gd15mcfcktb"/>
          <w:rFonts w:ascii="Lucida Console" w:hAnsi="Lucida Console"/>
          <w:color w:val="0000FF"/>
        </w:rPr>
        <w:t>grid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sold ~ .)</w:t>
      </w:r>
    </w:p>
    <w:p w14:paraId="2E76A77E" w14:textId="3E2ACB4C" w:rsidR="00A551E7" w:rsidRDefault="00A551E7" w:rsidP="00A551E7"/>
    <w:p w14:paraId="0AC606A4" w14:textId="0D296A11" w:rsidR="00A551E7" w:rsidRDefault="00A551E7" w:rsidP="00A551E7">
      <w:r>
        <w:rPr>
          <w:noProof/>
        </w:rPr>
        <w:lastRenderedPageBreak/>
        <w:drawing>
          <wp:inline distT="0" distB="0" distL="0" distR="0" wp14:anchorId="6736B532" wp14:editId="1DBD95D2">
            <wp:extent cx="5943600" cy="4001770"/>
            <wp:effectExtent l="0" t="0" r="0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0017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8D6BA50" w14:textId="666026E0" w:rsidR="00A551E7" w:rsidRDefault="00A551E7" w:rsidP="00A551E7"/>
    <w:p w14:paraId="5C27EF82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p2 +</w:t>
      </w:r>
    </w:p>
    <w:p w14:paraId="031C2F6A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+ </w:t>
      </w:r>
      <w:r>
        <w:rPr>
          <w:rStyle w:val="gd15mcfcktb"/>
          <w:rFonts w:ascii="Lucida Console" w:hAnsi="Lucida Console"/>
          <w:color w:val="0000FF"/>
        </w:rPr>
        <w:t xml:space="preserve">  </w:t>
      </w:r>
      <w:proofErr w:type="spellStart"/>
      <w:r>
        <w:rPr>
          <w:rStyle w:val="gd15mcfcktb"/>
          <w:rFonts w:ascii="Lucida Console" w:hAnsi="Lucida Console"/>
          <w:color w:val="0000FF"/>
        </w:rPr>
        <w:t>facet_</w:t>
      </w:r>
      <w:proofErr w:type="gramStart"/>
      <w:r>
        <w:rPr>
          <w:rStyle w:val="gd15mcfcktb"/>
          <w:rFonts w:ascii="Lucida Console" w:hAnsi="Lucida Console"/>
          <w:color w:val="0000FF"/>
        </w:rPr>
        <w:t>grid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>. ~ biddable)</w:t>
      </w:r>
    </w:p>
    <w:p w14:paraId="11C043DB" w14:textId="6B53992C" w:rsidR="00A551E7" w:rsidRDefault="00A551E7" w:rsidP="00A551E7"/>
    <w:p w14:paraId="01281883" w14:textId="5002EDBE" w:rsidR="00A551E7" w:rsidRDefault="00A551E7" w:rsidP="00A551E7">
      <w:r>
        <w:rPr>
          <w:noProof/>
        </w:rPr>
        <w:drawing>
          <wp:inline distT="0" distB="0" distL="0" distR="0" wp14:anchorId="378B9D9F" wp14:editId="0FB93A6C">
            <wp:extent cx="5600700" cy="2952750"/>
            <wp:effectExtent l="0" t="0" r="0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600700" cy="2952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B6767D2" w14:textId="585BDB32" w:rsidR="00A551E7" w:rsidRDefault="00A551E7" w:rsidP="00A551E7"/>
    <w:p w14:paraId="2914B5E5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lastRenderedPageBreak/>
        <w:t xml:space="preserve">&gt; </w:t>
      </w:r>
      <w:r>
        <w:rPr>
          <w:rStyle w:val="gd15mcfcktb"/>
          <w:rFonts w:ascii="Lucida Console" w:hAnsi="Lucida Console"/>
          <w:color w:val="0000FF"/>
        </w:rPr>
        <w:t>### Text Analytics ###</w:t>
      </w:r>
    </w:p>
    <w:p w14:paraId="1A92CA2A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load the required packages and libraries</w:t>
      </w:r>
    </w:p>
    <w:p w14:paraId="0C627B09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library(tm)</w:t>
      </w:r>
    </w:p>
    <w:p w14:paraId="3916D093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d15mcfcktb"/>
          <w:rFonts w:ascii="Lucida Console" w:hAnsi="Lucida Console"/>
          <w:color w:val="0000FF"/>
        </w:rPr>
        <w:t>library(</w:t>
      </w:r>
      <w:proofErr w:type="spellStart"/>
      <w:proofErr w:type="gramEnd"/>
      <w:r>
        <w:rPr>
          <w:rStyle w:val="gd15mcfcktb"/>
          <w:rFonts w:ascii="Lucida Console" w:hAnsi="Lucida Console"/>
          <w:color w:val="0000FF"/>
        </w:rPr>
        <w:t>SnowballC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3B4C7C1B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library('</w:t>
      </w:r>
      <w:proofErr w:type="spellStart"/>
      <w:r>
        <w:rPr>
          <w:rStyle w:val="gd15mcfcktb"/>
          <w:rFonts w:ascii="Lucida Console" w:hAnsi="Lucida Console"/>
          <w:color w:val="0000FF"/>
        </w:rPr>
        <w:t>stringr</w:t>
      </w:r>
      <w:proofErr w:type="spellEnd"/>
      <w:r>
        <w:rPr>
          <w:rStyle w:val="gd15mcfcktb"/>
          <w:rFonts w:ascii="Lucida Console" w:hAnsi="Lucida Console"/>
          <w:color w:val="0000FF"/>
        </w:rPr>
        <w:t>')</w:t>
      </w:r>
    </w:p>
    <w:p w14:paraId="0041F672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library('</w:t>
      </w:r>
      <w:proofErr w:type="spellStart"/>
      <w:r>
        <w:rPr>
          <w:rStyle w:val="gd15mcfcktb"/>
          <w:rFonts w:ascii="Lucida Console" w:hAnsi="Lucida Console"/>
          <w:color w:val="0000FF"/>
        </w:rPr>
        <w:t>readr</w:t>
      </w:r>
      <w:proofErr w:type="spellEnd"/>
      <w:r>
        <w:rPr>
          <w:rStyle w:val="gd15mcfcktb"/>
          <w:rFonts w:ascii="Lucida Console" w:hAnsi="Lucida Console"/>
          <w:color w:val="0000FF"/>
        </w:rPr>
        <w:t>')</w:t>
      </w:r>
    </w:p>
    <w:p w14:paraId="7D9836B2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library('</w:t>
      </w:r>
      <w:proofErr w:type="spellStart"/>
      <w:r>
        <w:rPr>
          <w:rStyle w:val="gd15mcfcktb"/>
          <w:rFonts w:ascii="Lucida Console" w:hAnsi="Lucida Console"/>
          <w:color w:val="0000FF"/>
        </w:rPr>
        <w:t>wordcloud</w:t>
      </w:r>
      <w:proofErr w:type="spellEnd"/>
      <w:r>
        <w:rPr>
          <w:rStyle w:val="gd15mcfcktb"/>
          <w:rFonts w:ascii="Lucida Console" w:hAnsi="Lucida Console"/>
          <w:color w:val="0000FF"/>
        </w:rPr>
        <w:t>')</w:t>
      </w:r>
    </w:p>
    <w:p w14:paraId="53774F36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library('tm')</w:t>
      </w:r>
    </w:p>
    <w:p w14:paraId="2326BF48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library('</w:t>
      </w:r>
      <w:proofErr w:type="spellStart"/>
      <w:r>
        <w:rPr>
          <w:rStyle w:val="gd15mcfcktb"/>
          <w:rFonts w:ascii="Lucida Console" w:hAnsi="Lucida Console"/>
          <w:color w:val="0000FF"/>
        </w:rPr>
        <w:t>SnowballC</w:t>
      </w:r>
      <w:proofErr w:type="spellEnd"/>
      <w:r>
        <w:rPr>
          <w:rStyle w:val="gd15mcfcktb"/>
          <w:rFonts w:ascii="Lucida Console" w:hAnsi="Lucida Console"/>
          <w:color w:val="0000FF"/>
        </w:rPr>
        <w:t>')</w:t>
      </w:r>
    </w:p>
    <w:p w14:paraId="2084FFE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d15mcfcktb"/>
          <w:rFonts w:ascii="Lucida Console" w:hAnsi="Lucida Console"/>
          <w:color w:val="0000FF"/>
        </w:rPr>
        <w:t>library(</w:t>
      </w:r>
      <w:proofErr w:type="gramEnd"/>
      <w:r>
        <w:rPr>
          <w:rStyle w:val="gd15mcfcktb"/>
          <w:rFonts w:ascii="Lucida Console" w:hAnsi="Lucida Console"/>
          <w:color w:val="0000FF"/>
        </w:rPr>
        <w:t>DT)</w:t>
      </w:r>
    </w:p>
    <w:p w14:paraId="29592299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Now, extract the relevant variable, the one containing the text.</w:t>
      </w:r>
    </w:p>
    <w:p w14:paraId="5B910279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r1 =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as.character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p$description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6518D35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Set the seed to 100 for code reproducibility</w:t>
      </w:r>
    </w:p>
    <w:p w14:paraId="046FB1D5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set.seed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(100)</w:t>
      </w:r>
    </w:p>
    <w:p w14:paraId="4C05DEF7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 run the following command, 'sample = </w:t>
      </w:r>
      <w:proofErr w:type="gramStart"/>
      <w:r>
        <w:rPr>
          <w:rStyle w:val="gd15mcfcktb"/>
          <w:rFonts w:ascii="Lucida Console" w:hAnsi="Lucida Console"/>
          <w:color w:val="0000FF"/>
        </w:rPr>
        <w:t>sample(</w:t>
      </w:r>
      <w:proofErr w:type="gramEnd"/>
      <w:r>
        <w:rPr>
          <w:rStyle w:val="gd15mcfcktb"/>
          <w:rFonts w:ascii="Lucida Console" w:hAnsi="Lucida Console"/>
          <w:color w:val="0000FF"/>
        </w:rPr>
        <w:t>r1, (length(r1)))', in your RStudio, now you are ready for Bag of Words</w:t>
      </w:r>
    </w:p>
    <w:p w14:paraId="1847987A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sample = </w:t>
      </w:r>
      <w:proofErr w:type="gramStart"/>
      <w:r>
        <w:rPr>
          <w:rStyle w:val="gd15mcfcktb"/>
          <w:rFonts w:ascii="Lucida Console" w:hAnsi="Lucida Console"/>
          <w:color w:val="0000FF"/>
        </w:rPr>
        <w:t>sample(</w:t>
      </w:r>
      <w:proofErr w:type="gramEnd"/>
      <w:r>
        <w:rPr>
          <w:rStyle w:val="gd15mcfcktb"/>
          <w:rFonts w:ascii="Lucida Console" w:hAnsi="Lucida Console"/>
          <w:color w:val="0000FF"/>
        </w:rPr>
        <w:t>r1, (length(r1)))</w:t>
      </w:r>
    </w:p>
    <w:p w14:paraId="0DB145A2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Create a Corpus - which, in simple terms, is nothing but a collection of text documents.</w:t>
      </w:r>
    </w:p>
    <w:p w14:paraId="64C90C00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 = </w:t>
      </w:r>
      <w:proofErr w:type="gramStart"/>
      <w:r>
        <w:rPr>
          <w:rStyle w:val="gd15mcfcktb"/>
          <w:rFonts w:ascii="Lucida Console" w:hAnsi="Lucida Console"/>
          <w:color w:val="0000FF"/>
        </w:rPr>
        <w:t>Corpus(</w:t>
      </w:r>
      <w:proofErr w:type="spellStart"/>
      <w:proofErr w:type="gramEnd"/>
      <w:r>
        <w:rPr>
          <w:rStyle w:val="gd15mcfcktb"/>
          <w:rFonts w:ascii="Lucida Console" w:hAnsi="Lucida Console"/>
          <w:color w:val="0000FF"/>
        </w:rPr>
        <w:t>VectorSource</w:t>
      </w:r>
      <w:proofErr w:type="spellEnd"/>
      <w:r>
        <w:rPr>
          <w:rStyle w:val="gd15mcfcktb"/>
          <w:rFonts w:ascii="Lucida Console" w:hAnsi="Lucida Console"/>
          <w:color w:val="0000FF"/>
        </w:rPr>
        <w:t>(list(sample)))</w:t>
      </w:r>
    </w:p>
    <w:p w14:paraId="0FDE4607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Now, remove punctuations</w:t>
      </w:r>
    </w:p>
    <w:p w14:paraId="5D312ED7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, </w:t>
      </w:r>
      <w:proofErr w:type="spellStart"/>
      <w:r>
        <w:rPr>
          <w:rStyle w:val="gd15mcfcktb"/>
          <w:rFonts w:ascii="Lucida Console" w:hAnsi="Lucida Console"/>
          <w:color w:val="0000FF"/>
        </w:rPr>
        <w:t>removePunctuation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42DEE61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7C2CEC98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, </w:t>
      </w:r>
      <w:proofErr w:type="spellStart"/>
      <w:r>
        <w:rPr>
          <w:rStyle w:val="gd15mcfcotb"/>
          <w:rFonts w:ascii="Lucida Console" w:hAnsi="Lucida Console"/>
          <w:color w:val="C5060B"/>
        </w:rPr>
        <w:t>removePunctuation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627D7BED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030824EB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Next, change the case of the word to lowercase so that same words are not counted as different because of lower or upper case.</w:t>
      </w:r>
    </w:p>
    <w:p w14:paraId="6A7CFB79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, </w:t>
      </w:r>
      <w:proofErr w:type="spellStart"/>
      <w:r>
        <w:rPr>
          <w:rStyle w:val="gd15mcfcktb"/>
          <w:rFonts w:ascii="Lucida Console" w:hAnsi="Lucida Console"/>
          <w:color w:val="0000FF"/>
        </w:rPr>
        <w:t>content_transformer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tolower</w:t>
      </w:r>
      <w:proofErr w:type="spellEnd"/>
      <w:r>
        <w:rPr>
          <w:rStyle w:val="gd15mcfcktb"/>
          <w:rFonts w:ascii="Lucida Console" w:hAnsi="Lucida Console"/>
          <w:color w:val="0000FF"/>
        </w:rPr>
        <w:t>))</w:t>
      </w:r>
    </w:p>
    <w:p w14:paraId="57C84253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38A5542D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, </w:t>
      </w:r>
      <w:proofErr w:type="spellStart"/>
      <w:r>
        <w:rPr>
          <w:rStyle w:val="gd15mcfcotb"/>
          <w:rFonts w:ascii="Lucida Console" w:hAnsi="Lucida Console"/>
          <w:color w:val="C5060B"/>
        </w:rPr>
        <w:t>content_transformer</w:t>
      </w:r>
      <w:proofErr w:type="spellEnd"/>
      <w:r>
        <w:rPr>
          <w:rStyle w:val="gd15mcfcotb"/>
          <w:rFonts w:ascii="Lucida Console" w:hAnsi="Lucida Console"/>
          <w:color w:val="C5060B"/>
        </w:rPr>
        <w:t>(</w:t>
      </w:r>
      <w:proofErr w:type="spellStart"/>
      <w:r>
        <w:rPr>
          <w:rStyle w:val="gd15mcfcotb"/>
          <w:rFonts w:ascii="Lucida Console" w:hAnsi="Lucida Console"/>
          <w:color w:val="C5060B"/>
        </w:rPr>
        <w:t>tolower</w:t>
      </w:r>
      <w:proofErr w:type="spellEnd"/>
      <w:r>
        <w:rPr>
          <w:rStyle w:val="gd15mcfcotb"/>
          <w:rFonts w:ascii="Lucida Console" w:hAnsi="Lucida Console"/>
          <w:color w:val="C5060B"/>
        </w:rPr>
        <w:t>)) :</w:t>
      </w:r>
    </w:p>
    <w:p w14:paraId="399B1D03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0EB4CDB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 Next, remove numbers </w:t>
      </w:r>
    </w:p>
    <w:p w14:paraId="4943AB5C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, </w:t>
      </w:r>
      <w:proofErr w:type="spellStart"/>
      <w:r>
        <w:rPr>
          <w:rStyle w:val="gd15mcfcktb"/>
          <w:rFonts w:ascii="Lucida Console" w:hAnsi="Lucida Console"/>
          <w:color w:val="0000FF"/>
        </w:rPr>
        <w:t>removeNumbers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4411BAC5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7736E2F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, </w:t>
      </w:r>
      <w:proofErr w:type="spellStart"/>
      <w:r>
        <w:rPr>
          <w:rStyle w:val="gd15mcfcotb"/>
          <w:rFonts w:ascii="Lucida Console" w:hAnsi="Lucida Console"/>
          <w:color w:val="C5060B"/>
        </w:rPr>
        <w:t>removeNumbers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0FAD2D6B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01B40AB6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Next, remove whitespaces</w:t>
      </w:r>
    </w:p>
    <w:p w14:paraId="730B9B5E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, </w:t>
      </w:r>
      <w:proofErr w:type="spellStart"/>
      <w:r>
        <w:rPr>
          <w:rStyle w:val="gd15mcfcktb"/>
          <w:rFonts w:ascii="Lucida Console" w:hAnsi="Lucida Console"/>
          <w:color w:val="0000FF"/>
        </w:rPr>
        <w:t>stripWhitespace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1F544849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7F65C88C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, </w:t>
      </w:r>
      <w:proofErr w:type="spellStart"/>
      <w:r>
        <w:rPr>
          <w:rStyle w:val="gd15mcfcotb"/>
          <w:rFonts w:ascii="Lucida Console" w:hAnsi="Lucida Console"/>
          <w:color w:val="C5060B"/>
        </w:rPr>
        <w:t>stripWhitespace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7ECB8D4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61F6F41E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 Now, remove unhelpful terms, also referred as </w:t>
      </w:r>
      <w:proofErr w:type="spellStart"/>
      <w:r>
        <w:rPr>
          <w:rStyle w:val="gd15mcfcktb"/>
          <w:rFonts w:ascii="Lucida Console" w:hAnsi="Lucida Console"/>
          <w:color w:val="0000FF"/>
        </w:rPr>
        <w:t>stopwords</w:t>
      </w:r>
      <w:proofErr w:type="spellEnd"/>
    </w:p>
    <w:p w14:paraId="5A000654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, </w:t>
      </w:r>
      <w:proofErr w:type="spellStart"/>
      <w:r>
        <w:rPr>
          <w:rStyle w:val="gd15mcfcktb"/>
          <w:rFonts w:ascii="Lucida Console" w:hAnsi="Lucida Console"/>
          <w:color w:val="0000FF"/>
        </w:rPr>
        <w:t>removeWord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, </w:t>
      </w:r>
      <w:proofErr w:type="spellStart"/>
      <w:r>
        <w:rPr>
          <w:rStyle w:val="gd15mcfcktb"/>
          <w:rFonts w:ascii="Lucida Console" w:hAnsi="Lucida Console"/>
          <w:color w:val="0000FF"/>
        </w:rPr>
        <w:t>stopwords</w:t>
      </w:r>
      <w:proofErr w:type="spellEnd"/>
      <w:r>
        <w:rPr>
          <w:rStyle w:val="gd15mcfcktb"/>
          <w:rFonts w:ascii="Lucida Console" w:hAnsi="Lucida Console"/>
          <w:color w:val="0000FF"/>
        </w:rPr>
        <w:t>('</w:t>
      </w:r>
      <w:proofErr w:type="spellStart"/>
      <w:r>
        <w:rPr>
          <w:rStyle w:val="gd15mcfcktb"/>
          <w:rFonts w:ascii="Lucida Console" w:hAnsi="Lucida Console"/>
          <w:color w:val="0000FF"/>
        </w:rPr>
        <w:t>english</w:t>
      </w:r>
      <w:proofErr w:type="spellEnd"/>
      <w:r>
        <w:rPr>
          <w:rStyle w:val="gd15mcfcktb"/>
          <w:rFonts w:ascii="Lucida Console" w:hAnsi="Lucida Console"/>
          <w:color w:val="0000FF"/>
        </w:rPr>
        <w:t>'))</w:t>
      </w:r>
    </w:p>
    <w:p w14:paraId="4DFF9FC7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62A17845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, </w:t>
      </w:r>
      <w:proofErr w:type="spellStart"/>
      <w:r>
        <w:rPr>
          <w:rStyle w:val="gd15mcfcotb"/>
          <w:rFonts w:ascii="Lucida Console" w:hAnsi="Lucida Console"/>
          <w:color w:val="C5060B"/>
        </w:rPr>
        <w:t>removeWords</w:t>
      </w:r>
      <w:proofErr w:type="spellEnd"/>
      <w:r>
        <w:rPr>
          <w:rStyle w:val="gd15mcfcotb"/>
          <w:rFonts w:ascii="Lucida Console" w:hAnsi="Lucida Console"/>
          <w:color w:val="C5060B"/>
        </w:rPr>
        <w:t xml:space="preserve">, </w:t>
      </w:r>
      <w:proofErr w:type="spellStart"/>
      <w:r>
        <w:rPr>
          <w:rStyle w:val="gd15mcfcotb"/>
          <w:rFonts w:ascii="Lucida Console" w:hAnsi="Lucida Console"/>
          <w:color w:val="C5060B"/>
        </w:rPr>
        <w:t>stopwords</w:t>
      </w:r>
      <w:proofErr w:type="spellEnd"/>
      <w:r>
        <w:rPr>
          <w:rStyle w:val="gd15mcfcotb"/>
          <w:rFonts w:ascii="Lucida Console" w:hAnsi="Lucida Console"/>
          <w:color w:val="C5060B"/>
        </w:rPr>
        <w:t>("</w:t>
      </w:r>
      <w:proofErr w:type="spellStart"/>
      <w:r>
        <w:rPr>
          <w:rStyle w:val="gd15mcfcotb"/>
          <w:rFonts w:ascii="Lucida Console" w:hAnsi="Lucida Console"/>
          <w:color w:val="C5060B"/>
        </w:rPr>
        <w:t>english</w:t>
      </w:r>
      <w:proofErr w:type="spellEnd"/>
      <w:r>
        <w:rPr>
          <w:rStyle w:val="gd15mcfcotb"/>
          <w:rFonts w:ascii="Lucida Console" w:hAnsi="Lucida Console"/>
          <w:color w:val="C5060B"/>
        </w:rPr>
        <w:t>")) :</w:t>
      </w:r>
    </w:p>
    <w:p w14:paraId="678FED3E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178D5F3C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Now, please carry out the process of stemming, motivated by the desire to represent words with different endings as the same word.</w:t>
      </w:r>
    </w:p>
    <w:p w14:paraId="258B300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, </w:t>
      </w:r>
      <w:proofErr w:type="spellStart"/>
      <w:r>
        <w:rPr>
          <w:rStyle w:val="gd15mcfcktb"/>
          <w:rFonts w:ascii="Lucida Console" w:hAnsi="Lucida Console"/>
          <w:color w:val="0000FF"/>
        </w:rPr>
        <w:t>stemDocument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67BD5A79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6644B21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, </w:t>
      </w:r>
      <w:proofErr w:type="spellStart"/>
      <w:r>
        <w:rPr>
          <w:rStyle w:val="gd15mcfcotb"/>
          <w:rFonts w:ascii="Lucida Console" w:hAnsi="Lucida Console"/>
          <w:color w:val="C5060B"/>
        </w:rPr>
        <w:t>stemDocument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74701568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0AF231D1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 </w:t>
      </w:r>
      <w:proofErr w:type="spellStart"/>
      <w:r>
        <w:rPr>
          <w:rStyle w:val="gd15mcfcktb"/>
          <w:rFonts w:ascii="Lucida Console" w:hAnsi="Lucida Console"/>
          <w:color w:val="0000FF"/>
        </w:rPr>
        <w:t>creat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a document term matrix from the corpus</w:t>
      </w:r>
    </w:p>
    <w:p w14:paraId="086DDC4C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frequencies = </w:t>
      </w:r>
      <w:proofErr w:type="spellStart"/>
      <w:r>
        <w:rPr>
          <w:rStyle w:val="gd15mcfcktb"/>
          <w:rFonts w:ascii="Lucida Console" w:hAnsi="Lucida Console"/>
          <w:color w:val="0000FF"/>
        </w:rPr>
        <w:t>DocumentTermMatrix</w:t>
      </w:r>
      <w:proofErr w:type="spellEnd"/>
      <w:r>
        <w:rPr>
          <w:rStyle w:val="gd15mcfcktb"/>
          <w:rFonts w:ascii="Lucida Console" w:hAnsi="Lucida Console"/>
          <w:color w:val="0000FF"/>
        </w:rPr>
        <w:t>(corpus)</w:t>
      </w:r>
    </w:p>
    <w:p w14:paraId="79A8FA04" w14:textId="77777777" w:rsidR="00A551E7" w:rsidRDefault="00A551E7" w:rsidP="00A551E7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now create the data frame from the output of the above line</w:t>
      </w:r>
    </w:p>
    <w:p w14:paraId="628C6450" w14:textId="77777777" w:rsidR="00A551E7" w:rsidRDefault="00A551E7" w:rsidP="00A551E7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alldescription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= </w:t>
      </w:r>
      <w:proofErr w:type="spellStart"/>
      <w:r>
        <w:rPr>
          <w:rStyle w:val="gd15mcfcktb"/>
          <w:rFonts w:ascii="Lucida Console" w:hAnsi="Lucida Console"/>
          <w:color w:val="0000FF"/>
        </w:rPr>
        <w:t>as.</w:t>
      </w:r>
      <w:proofErr w:type="gramStart"/>
      <w:r>
        <w:rPr>
          <w:rStyle w:val="gd15mcfcktb"/>
          <w:rFonts w:ascii="Lucida Console" w:hAnsi="Lucida Console"/>
          <w:color w:val="0000FF"/>
        </w:rPr>
        <w:t>data.frame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as.matrix</w:t>
      </w:r>
      <w:proofErr w:type="spellEnd"/>
      <w:r>
        <w:rPr>
          <w:rStyle w:val="gd15mcfcktb"/>
          <w:rFonts w:ascii="Lucida Console" w:hAnsi="Lucida Console"/>
          <w:color w:val="0000FF"/>
        </w:rPr>
        <w:t>(frequencies))</w:t>
      </w:r>
    </w:p>
    <w:p w14:paraId="483B128C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 Create a word cloud and set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random.order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 xml:space="preserve"> = TRUE:</w:t>
      </w:r>
    </w:p>
    <w:p w14:paraId="1D4353D6" w14:textId="77777777" w:rsidR="000A385F" w:rsidRDefault="000A385F" w:rsidP="000A385F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wordcloud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colname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alldescription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r>
        <w:rPr>
          <w:rStyle w:val="gd15mcfcktb"/>
          <w:rFonts w:ascii="Lucida Console" w:hAnsi="Lucida Console"/>
          <w:color w:val="0000FF"/>
        </w:rPr>
        <w:t>colSum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alldescription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random.order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=TRUE)</w:t>
      </w:r>
    </w:p>
    <w:p w14:paraId="56F4FFA7" w14:textId="3AF3FD74" w:rsidR="00A551E7" w:rsidRDefault="00A551E7" w:rsidP="00A551E7"/>
    <w:p w14:paraId="3D4F1445" w14:textId="1DF8970E" w:rsidR="000A385F" w:rsidRDefault="000A385F" w:rsidP="00A551E7">
      <w:r>
        <w:rPr>
          <w:noProof/>
        </w:rPr>
        <w:lastRenderedPageBreak/>
        <w:drawing>
          <wp:inline distT="0" distB="0" distL="0" distR="0" wp14:anchorId="154D2D17" wp14:editId="1812A2B4">
            <wp:extent cx="5943600" cy="4181475"/>
            <wp:effectExtent l="0" t="0" r="0" b="9525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814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4C7A862" w14:textId="3EA84C65" w:rsidR="000A385F" w:rsidRDefault="000A385F" w:rsidP="00A551E7"/>
    <w:p w14:paraId="64604305" w14:textId="77777777" w:rsidR="000A385F" w:rsidRDefault="000A385F" w:rsidP="000A385F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Fonts w:ascii="Lucida Console" w:hAnsi="Lucida Console"/>
          <w:color w:val="0000FF"/>
        </w:rPr>
        <w:br/>
      </w: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wordcloud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colname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alldescription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r>
        <w:rPr>
          <w:rStyle w:val="gd15mcfcktb"/>
          <w:rFonts w:ascii="Lucida Console" w:hAnsi="Lucida Console"/>
          <w:color w:val="0000FF"/>
        </w:rPr>
        <w:t>colSum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alldescription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random.order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=FALSE)</w:t>
      </w:r>
    </w:p>
    <w:p w14:paraId="59879528" w14:textId="561B7648" w:rsidR="000A385F" w:rsidRDefault="000A385F" w:rsidP="00A551E7">
      <w:r>
        <w:rPr>
          <w:noProof/>
        </w:rPr>
        <w:lastRenderedPageBreak/>
        <w:drawing>
          <wp:inline distT="0" distB="0" distL="0" distR="0" wp14:anchorId="214F78B3" wp14:editId="2AC4AC87">
            <wp:extent cx="5943600" cy="4064000"/>
            <wp:effectExtent l="0" t="0" r="0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064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F03249" w14:textId="77777777" w:rsidR="000A385F" w:rsidRDefault="000A385F" w:rsidP="000A385F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wordcloud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colname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alldescription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r>
        <w:rPr>
          <w:rStyle w:val="gd15mcfcktb"/>
          <w:rFonts w:ascii="Lucida Console" w:hAnsi="Lucida Console"/>
          <w:color w:val="0000FF"/>
        </w:rPr>
        <w:t>colSum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alldescription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random.order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 xml:space="preserve">=FALSE, </w:t>
      </w:r>
      <w:proofErr w:type="spellStart"/>
      <w:r>
        <w:rPr>
          <w:rStyle w:val="gd15mcfcktb"/>
          <w:rFonts w:ascii="Lucida Console" w:hAnsi="Lucida Console"/>
          <w:color w:val="0000FF"/>
        </w:rPr>
        <w:t>min.freq</w:t>
      </w:r>
      <w:proofErr w:type="spellEnd"/>
      <w:r>
        <w:rPr>
          <w:rStyle w:val="gd15mcfcktb"/>
          <w:rFonts w:ascii="Lucida Console" w:hAnsi="Lucida Console"/>
          <w:color w:val="0000FF"/>
        </w:rPr>
        <w:t>=5)</w:t>
      </w:r>
    </w:p>
    <w:p w14:paraId="76958DAE" w14:textId="55C61A7F" w:rsidR="000A385F" w:rsidRDefault="000A385F" w:rsidP="00A551E7"/>
    <w:p w14:paraId="7B58DA15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#### Creating Word Cloud for </w:t>
      </w:r>
      <w:proofErr w:type="spellStart"/>
      <w:r>
        <w:rPr>
          <w:rStyle w:val="gd15mcfcktb"/>
          <w:rFonts w:ascii="Lucida Console" w:hAnsi="Lucida Console"/>
          <w:color w:val="0000FF"/>
        </w:rPr>
        <w:t>Soldipad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####</w:t>
      </w:r>
    </w:p>
    <w:p w14:paraId="1AB34FD1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</w:t>
      </w:r>
      <w:proofErr w:type="spellStart"/>
      <w:r>
        <w:rPr>
          <w:rStyle w:val="gd15mcfcktb"/>
          <w:rFonts w:ascii="Lucida Console" w:hAnsi="Lucida Console"/>
          <w:color w:val="0000FF"/>
        </w:rPr>
        <w:t>craete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a new </w:t>
      </w:r>
      <w:proofErr w:type="spellStart"/>
      <w:r>
        <w:rPr>
          <w:rStyle w:val="gd15mcfcktb"/>
          <w:rFonts w:ascii="Lucida Console" w:hAnsi="Lucida Console"/>
          <w:color w:val="0000FF"/>
        </w:rPr>
        <w:t>dataframe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from the original data 'p' which only includes those observations where the </w:t>
      </w:r>
      <w:proofErr w:type="spellStart"/>
      <w:r>
        <w:rPr>
          <w:rStyle w:val="gd15mcfcktb"/>
          <w:rFonts w:ascii="Lucida Console" w:hAnsi="Lucida Console"/>
          <w:color w:val="0000FF"/>
        </w:rPr>
        <w:t>ipad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was not sold</w:t>
      </w:r>
    </w:p>
    <w:p w14:paraId="6C09C5E3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notsoldipad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= </w:t>
      </w:r>
      <w:proofErr w:type="gramStart"/>
      <w:r>
        <w:rPr>
          <w:rStyle w:val="gd15mcfcktb"/>
          <w:rFonts w:ascii="Lucida Console" w:hAnsi="Lucida Console"/>
          <w:color w:val="0000FF"/>
        </w:rPr>
        <w:t>subset(</w:t>
      </w:r>
      <w:proofErr w:type="gramEnd"/>
      <w:r>
        <w:rPr>
          <w:rStyle w:val="gd15mcfcktb"/>
          <w:rFonts w:ascii="Lucida Console" w:hAnsi="Lucida Console"/>
          <w:color w:val="0000FF"/>
        </w:rPr>
        <w:t>p, sold == 0)</w:t>
      </w:r>
    </w:p>
    <w:p w14:paraId="4DF981D0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extracting relevant negative tweets as character</w:t>
      </w:r>
    </w:p>
    <w:p w14:paraId="77F5D536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n1 =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as.character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notsoldipads$description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2D0171DA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Set the seed to 100 for code reproducibility</w:t>
      </w:r>
    </w:p>
    <w:p w14:paraId="2B798E24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set.seed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(100)</w:t>
      </w:r>
    </w:p>
    <w:p w14:paraId="714EBBAA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sample</w:t>
      </w:r>
    </w:p>
    <w:p w14:paraId="7482589F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sample2 = </w:t>
      </w:r>
      <w:proofErr w:type="gramStart"/>
      <w:r>
        <w:rPr>
          <w:rStyle w:val="gd15mcfcktb"/>
          <w:rFonts w:ascii="Lucida Console" w:hAnsi="Lucida Console"/>
          <w:color w:val="0000FF"/>
        </w:rPr>
        <w:t>sample(</w:t>
      </w:r>
      <w:proofErr w:type="gramEnd"/>
      <w:r>
        <w:rPr>
          <w:rStyle w:val="gd15mcfcktb"/>
          <w:rFonts w:ascii="Lucida Console" w:hAnsi="Lucida Console"/>
          <w:color w:val="0000FF"/>
        </w:rPr>
        <w:t>n1, (length(n1)))</w:t>
      </w:r>
    </w:p>
    <w:p w14:paraId="478ED34F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Bag of Words - Run the above codes</w:t>
      </w:r>
    </w:p>
    <w:p w14:paraId="4D4D47CE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1 </w:t>
      </w:r>
      <w:proofErr w:type="gramStart"/>
      <w:r>
        <w:rPr>
          <w:rStyle w:val="gd15mcfcktb"/>
          <w:rFonts w:ascii="Lucida Console" w:hAnsi="Lucida Console"/>
          <w:color w:val="0000FF"/>
        </w:rPr>
        <w:t>-  Create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 a Corpus</w:t>
      </w:r>
    </w:p>
    <w:p w14:paraId="28C875F7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2 </w:t>
      </w:r>
      <w:proofErr w:type="gramStart"/>
      <w:r>
        <w:rPr>
          <w:rStyle w:val="gd15mcfcktb"/>
          <w:rFonts w:ascii="Lucida Console" w:hAnsi="Lucida Console"/>
          <w:color w:val="0000FF"/>
        </w:rPr>
        <w:t>-  Remove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 punctuations</w:t>
      </w:r>
    </w:p>
    <w:p w14:paraId="2D624D30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3 </w:t>
      </w:r>
      <w:proofErr w:type="gramStart"/>
      <w:r>
        <w:rPr>
          <w:rStyle w:val="gd15mcfcktb"/>
          <w:rFonts w:ascii="Lucida Console" w:hAnsi="Lucida Console"/>
          <w:color w:val="0000FF"/>
        </w:rPr>
        <w:t>-  Convert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 to lowercase</w:t>
      </w:r>
    </w:p>
    <w:p w14:paraId="2F37F6B7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4 </w:t>
      </w:r>
      <w:proofErr w:type="gramStart"/>
      <w:r>
        <w:rPr>
          <w:rStyle w:val="gd15mcfcktb"/>
          <w:rFonts w:ascii="Lucida Console" w:hAnsi="Lucida Console"/>
          <w:color w:val="0000FF"/>
        </w:rPr>
        <w:t>-  Remove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 Numbers</w:t>
      </w:r>
    </w:p>
    <w:p w14:paraId="1100A0E0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5 </w:t>
      </w:r>
      <w:proofErr w:type="gramStart"/>
      <w:r>
        <w:rPr>
          <w:rStyle w:val="gd15mcfcktb"/>
          <w:rFonts w:ascii="Lucida Console" w:hAnsi="Lucida Console"/>
          <w:color w:val="0000FF"/>
        </w:rPr>
        <w:t>-  Remove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 whitespaces</w:t>
      </w:r>
    </w:p>
    <w:p w14:paraId="60287569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6 </w:t>
      </w:r>
      <w:proofErr w:type="gramStart"/>
      <w:r>
        <w:rPr>
          <w:rStyle w:val="gd15mcfcktb"/>
          <w:rFonts w:ascii="Lucida Console" w:hAnsi="Lucida Console"/>
          <w:color w:val="0000FF"/>
        </w:rPr>
        <w:t>-  Remove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 </w:t>
      </w:r>
      <w:proofErr w:type="spellStart"/>
      <w:r>
        <w:rPr>
          <w:rStyle w:val="gd15mcfcktb"/>
          <w:rFonts w:ascii="Lucida Console" w:hAnsi="Lucida Console"/>
          <w:color w:val="0000FF"/>
        </w:rPr>
        <w:t>stopwords</w:t>
      </w:r>
      <w:proofErr w:type="spellEnd"/>
    </w:p>
    <w:p w14:paraId="0B2D144A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#7 </w:t>
      </w:r>
      <w:proofErr w:type="gramStart"/>
      <w:r>
        <w:rPr>
          <w:rStyle w:val="gd15mcfcktb"/>
          <w:rFonts w:ascii="Lucida Console" w:hAnsi="Lucida Console"/>
          <w:color w:val="0000FF"/>
        </w:rPr>
        <w:t>-  Perform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 Stemming</w:t>
      </w:r>
    </w:p>
    <w:p w14:paraId="5B7017E0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2 = </w:t>
      </w:r>
      <w:proofErr w:type="gramStart"/>
      <w:r>
        <w:rPr>
          <w:rStyle w:val="gd15mcfcktb"/>
          <w:rFonts w:ascii="Lucida Console" w:hAnsi="Lucida Console"/>
          <w:color w:val="0000FF"/>
        </w:rPr>
        <w:t>Corpus(</w:t>
      </w:r>
      <w:proofErr w:type="spellStart"/>
      <w:proofErr w:type="gramEnd"/>
      <w:r>
        <w:rPr>
          <w:rStyle w:val="gd15mcfcktb"/>
          <w:rFonts w:ascii="Lucida Console" w:hAnsi="Lucida Console"/>
          <w:color w:val="0000FF"/>
        </w:rPr>
        <w:t>VectorSource</w:t>
      </w:r>
      <w:proofErr w:type="spellEnd"/>
      <w:r>
        <w:rPr>
          <w:rStyle w:val="gd15mcfcktb"/>
          <w:rFonts w:ascii="Lucida Console" w:hAnsi="Lucida Console"/>
          <w:color w:val="0000FF"/>
        </w:rPr>
        <w:t>(list(sample2)))</w:t>
      </w:r>
    </w:p>
    <w:p w14:paraId="7650C0AB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2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2, </w:t>
      </w:r>
      <w:proofErr w:type="spellStart"/>
      <w:r>
        <w:rPr>
          <w:rStyle w:val="gd15mcfcktb"/>
          <w:rFonts w:ascii="Lucida Console" w:hAnsi="Lucida Console"/>
          <w:color w:val="0000FF"/>
        </w:rPr>
        <w:t>removePunctuation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12FC473A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73452D25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2, </w:t>
      </w:r>
      <w:proofErr w:type="spellStart"/>
      <w:r>
        <w:rPr>
          <w:rStyle w:val="gd15mcfcotb"/>
          <w:rFonts w:ascii="Lucida Console" w:hAnsi="Lucida Console"/>
          <w:color w:val="C5060B"/>
        </w:rPr>
        <w:t>removePunctuation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3FE1E3AC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57E80171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2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2, </w:t>
      </w:r>
      <w:proofErr w:type="spellStart"/>
      <w:r>
        <w:rPr>
          <w:rStyle w:val="gd15mcfcktb"/>
          <w:rFonts w:ascii="Lucida Console" w:hAnsi="Lucida Console"/>
          <w:color w:val="0000FF"/>
        </w:rPr>
        <w:t>content_transformer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tolower</w:t>
      </w:r>
      <w:proofErr w:type="spellEnd"/>
      <w:r>
        <w:rPr>
          <w:rStyle w:val="gd15mcfcktb"/>
          <w:rFonts w:ascii="Lucida Console" w:hAnsi="Lucida Console"/>
          <w:color w:val="0000FF"/>
        </w:rPr>
        <w:t>))</w:t>
      </w:r>
    </w:p>
    <w:p w14:paraId="7A8C4296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71E35BF7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2, </w:t>
      </w:r>
      <w:proofErr w:type="spellStart"/>
      <w:r>
        <w:rPr>
          <w:rStyle w:val="gd15mcfcotb"/>
          <w:rFonts w:ascii="Lucida Console" w:hAnsi="Lucida Console"/>
          <w:color w:val="C5060B"/>
        </w:rPr>
        <w:t>content_transformer</w:t>
      </w:r>
      <w:proofErr w:type="spellEnd"/>
      <w:r>
        <w:rPr>
          <w:rStyle w:val="gd15mcfcotb"/>
          <w:rFonts w:ascii="Lucida Console" w:hAnsi="Lucida Console"/>
          <w:color w:val="C5060B"/>
        </w:rPr>
        <w:t>(</w:t>
      </w:r>
      <w:proofErr w:type="spellStart"/>
      <w:r>
        <w:rPr>
          <w:rStyle w:val="gd15mcfcotb"/>
          <w:rFonts w:ascii="Lucida Console" w:hAnsi="Lucida Console"/>
          <w:color w:val="C5060B"/>
        </w:rPr>
        <w:t>tolower</w:t>
      </w:r>
      <w:proofErr w:type="spellEnd"/>
      <w:r>
        <w:rPr>
          <w:rStyle w:val="gd15mcfcotb"/>
          <w:rFonts w:ascii="Lucida Console" w:hAnsi="Lucida Console"/>
          <w:color w:val="C5060B"/>
        </w:rPr>
        <w:t>)) :</w:t>
      </w:r>
    </w:p>
    <w:p w14:paraId="3A4C0D17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129EF6A9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lastRenderedPageBreak/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2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2, </w:t>
      </w:r>
      <w:proofErr w:type="spellStart"/>
      <w:r>
        <w:rPr>
          <w:rStyle w:val="gd15mcfcktb"/>
          <w:rFonts w:ascii="Lucida Console" w:hAnsi="Lucida Console"/>
          <w:color w:val="0000FF"/>
        </w:rPr>
        <w:t>removeNumbers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776979EC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24774C58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2, </w:t>
      </w:r>
      <w:proofErr w:type="spellStart"/>
      <w:r>
        <w:rPr>
          <w:rStyle w:val="gd15mcfcotb"/>
          <w:rFonts w:ascii="Lucida Console" w:hAnsi="Lucida Console"/>
          <w:color w:val="C5060B"/>
        </w:rPr>
        <w:t>removeNumbers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0FB89E51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389E54CE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2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2, </w:t>
      </w:r>
      <w:proofErr w:type="spellStart"/>
      <w:r>
        <w:rPr>
          <w:rStyle w:val="gd15mcfcktb"/>
          <w:rFonts w:ascii="Lucida Console" w:hAnsi="Lucida Console"/>
          <w:color w:val="0000FF"/>
        </w:rPr>
        <w:t>stripWhitespace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2D283256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7A1FDC5D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2, </w:t>
      </w:r>
      <w:proofErr w:type="spellStart"/>
      <w:r>
        <w:rPr>
          <w:rStyle w:val="gd15mcfcotb"/>
          <w:rFonts w:ascii="Lucida Console" w:hAnsi="Lucida Console"/>
          <w:color w:val="C5060B"/>
        </w:rPr>
        <w:t>stripWhitespace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3355D4CC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7ED15712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2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2, </w:t>
      </w:r>
      <w:proofErr w:type="spellStart"/>
      <w:r>
        <w:rPr>
          <w:rStyle w:val="gd15mcfcktb"/>
          <w:rFonts w:ascii="Lucida Console" w:hAnsi="Lucida Console"/>
          <w:color w:val="0000FF"/>
        </w:rPr>
        <w:t>removeWord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, </w:t>
      </w:r>
      <w:proofErr w:type="spellStart"/>
      <w:r>
        <w:rPr>
          <w:rStyle w:val="gd15mcfcktb"/>
          <w:rFonts w:ascii="Lucida Console" w:hAnsi="Lucida Console"/>
          <w:color w:val="0000FF"/>
        </w:rPr>
        <w:t>stopwords</w:t>
      </w:r>
      <w:proofErr w:type="spellEnd"/>
      <w:r>
        <w:rPr>
          <w:rStyle w:val="gd15mcfcktb"/>
          <w:rFonts w:ascii="Lucida Console" w:hAnsi="Lucida Console"/>
          <w:color w:val="0000FF"/>
        </w:rPr>
        <w:t>('</w:t>
      </w:r>
      <w:proofErr w:type="spellStart"/>
      <w:r>
        <w:rPr>
          <w:rStyle w:val="gd15mcfcktb"/>
          <w:rFonts w:ascii="Lucida Console" w:hAnsi="Lucida Console"/>
          <w:color w:val="0000FF"/>
        </w:rPr>
        <w:t>english</w:t>
      </w:r>
      <w:proofErr w:type="spellEnd"/>
      <w:r>
        <w:rPr>
          <w:rStyle w:val="gd15mcfcktb"/>
          <w:rFonts w:ascii="Lucida Console" w:hAnsi="Lucida Console"/>
          <w:color w:val="0000FF"/>
        </w:rPr>
        <w:t>'))</w:t>
      </w:r>
    </w:p>
    <w:p w14:paraId="400639E3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49E7861E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2, </w:t>
      </w:r>
      <w:proofErr w:type="spellStart"/>
      <w:r>
        <w:rPr>
          <w:rStyle w:val="gd15mcfcotb"/>
          <w:rFonts w:ascii="Lucida Console" w:hAnsi="Lucida Console"/>
          <w:color w:val="C5060B"/>
        </w:rPr>
        <w:t>removeWords</w:t>
      </w:r>
      <w:proofErr w:type="spellEnd"/>
      <w:r>
        <w:rPr>
          <w:rStyle w:val="gd15mcfcotb"/>
          <w:rFonts w:ascii="Lucida Console" w:hAnsi="Lucida Console"/>
          <w:color w:val="C5060B"/>
        </w:rPr>
        <w:t xml:space="preserve">, </w:t>
      </w:r>
      <w:proofErr w:type="spellStart"/>
      <w:r>
        <w:rPr>
          <w:rStyle w:val="gd15mcfcotb"/>
          <w:rFonts w:ascii="Lucida Console" w:hAnsi="Lucida Console"/>
          <w:color w:val="C5060B"/>
        </w:rPr>
        <w:t>stopwords</w:t>
      </w:r>
      <w:proofErr w:type="spellEnd"/>
      <w:r>
        <w:rPr>
          <w:rStyle w:val="gd15mcfcotb"/>
          <w:rFonts w:ascii="Lucida Console" w:hAnsi="Lucida Console"/>
          <w:color w:val="C5060B"/>
        </w:rPr>
        <w:t>("</w:t>
      </w:r>
      <w:proofErr w:type="spellStart"/>
      <w:r>
        <w:rPr>
          <w:rStyle w:val="gd15mcfcotb"/>
          <w:rFonts w:ascii="Lucida Console" w:hAnsi="Lucida Console"/>
          <w:color w:val="C5060B"/>
        </w:rPr>
        <w:t>english</w:t>
      </w:r>
      <w:proofErr w:type="spellEnd"/>
      <w:r>
        <w:rPr>
          <w:rStyle w:val="gd15mcfcotb"/>
          <w:rFonts w:ascii="Lucida Console" w:hAnsi="Lucida Console"/>
          <w:color w:val="C5060B"/>
        </w:rPr>
        <w:t>")) :</w:t>
      </w:r>
    </w:p>
    <w:p w14:paraId="5210FFC5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7130FE5B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2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2, </w:t>
      </w:r>
      <w:proofErr w:type="spellStart"/>
      <w:r>
        <w:rPr>
          <w:rStyle w:val="gd15mcfcktb"/>
          <w:rFonts w:ascii="Lucida Console" w:hAnsi="Lucida Console"/>
          <w:color w:val="0000FF"/>
        </w:rPr>
        <w:t>stemDocument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7F9AE86F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74D3E26E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2, </w:t>
      </w:r>
      <w:proofErr w:type="spellStart"/>
      <w:r>
        <w:rPr>
          <w:rStyle w:val="gd15mcfcotb"/>
          <w:rFonts w:ascii="Lucida Console" w:hAnsi="Lucida Console"/>
          <w:color w:val="C5060B"/>
        </w:rPr>
        <w:t>stemDocument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7FA29CC1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1C648FA0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</w:t>
      </w:r>
      <w:proofErr w:type="spellStart"/>
      <w:r>
        <w:rPr>
          <w:rStyle w:val="gd15mcfcktb"/>
          <w:rFonts w:ascii="Lucida Console" w:hAnsi="Lucida Console"/>
          <w:color w:val="0000FF"/>
        </w:rPr>
        <w:t>creat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a document term matrix from the resultant corpus</w:t>
      </w:r>
    </w:p>
    <w:p w14:paraId="58E6BC2C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frequencies2 = </w:t>
      </w:r>
      <w:proofErr w:type="spellStart"/>
      <w:r>
        <w:rPr>
          <w:rStyle w:val="gd15mcfcktb"/>
          <w:rFonts w:ascii="Lucida Console" w:hAnsi="Lucida Console"/>
          <w:color w:val="0000FF"/>
        </w:rPr>
        <w:t>DocumentTermMatrix</w:t>
      </w:r>
      <w:proofErr w:type="spellEnd"/>
      <w:r>
        <w:rPr>
          <w:rStyle w:val="gd15mcfcktb"/>
          <w:rFonts w:ascii="Lucida Console" w:hAnsi="Lucida Console"/>
          <w:color w:val="0000FF"/>
        </w:rPr>
        <w:t>(corpus2)</w:t>
      </w:r>
    </w:p>
    <w:p w14:paraId="26CDD607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now create the data frame from the output of the above line</w:t>
      </w:r>
    </w:p>
    <w:p w14:paraId="41988F8D" w14:textId="77777777" w:rsidR="000A385F" w:rsidRDefault="000A385F" w:rsidP="000A385F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notsold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= </w:t>
      </w:r>
      <w:proofErr w:type="spellStart"/>
      <w:r>
        <w:rPr>
          <w:rStyle w:val="gd15mcfcktb"/>
          <w:rFonts w:ascii="Lucida Console" w:hAnsi="Lucida Console"/>
          <w:color w:val="0000FF"/>
        </w:rPr>
        <w:t>as.</w:t>
      </w:r>
      <w:proofErr w:type="gramStart"/>
      <w:r>
        <w:rPr>
          <w:rStyle w:val="gd15mcfcktb"/>
          <w:rFonts w:ascii="Lucida Console" w:hAnsi="Lucida Console"/>
          <w:color w:val="0000FF"/>
        </w:rPr>
        <w:t>data.frame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as.matrix</w:t>
      </w:r>
      <w:proofErr w:type="spellEnd"/>
      <w:r>
        <w:rPr>
          <w:rStyle w:val="gd15mcfcktb"/>
          <w:rFonts w:ascii="Lucida Console" w:hAnsi="Lucida Console"/>
          <w:color w:val="0000FF"/>
        </w:rPr>
        <w:t>(frequencies2))</w:t>
      </w:r>
    </w:p>
    <w:p w14:paraId="2BF35D45" w14:textId="14C7F93B" w:rsidR="000A385F" w:rsidRDefault="000A385F" w:rsidP="00A551E7"/>
    <w:p w14:paraId="56B0FA37" w14:textId="5E7BE925" w:rsidR="000A385F" w:rsidRDefault="000A385F" w:rsidP="00A551E7"/>
    <w:p w14:paraId="5981AEAC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wordcloud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colname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notsold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r>
        <w:rPr>
          <w:rStyle w:val="gd15mcfcktb"/>
          <w:rFonts w:ascii="Lucida Console" w:hAnsi="Lucida Console"/>
          <w:color w:val="0000FF"/>
        </w:rPr>
        <w:t>colSum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notsold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random.order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=TRUE)</w:t>
      </w:r>
    </w:p>
    <w:p w14:paraId="5F16ECBA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wordcloud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colname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notsold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r>
        <w:rPr>
          <w:rStyle w:val="gd15mcfcktb"/>
          <w:rFonts w:ascii="Lucida Console" w:hAnsi="Lucida Console"/>
          <w:color w:val="0000FF"/>
        </w:rPr>
        <w:t>colSum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notsold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random.order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=FALSE)</w:t>
      </w:r>
    </w:p>
    <w:p w14:paraId="0D847929" w14:textId="77777777" w:rsidR="000A385F" w:rsidRDefault="000A385F" w:rsidP="000A385F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wordcloud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colname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notsold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r>
        <w:rPr>
          <w:rStyle w:val="gd15mcfcktb"/>
          <w:rFonts w:ascii="Lucida Console" w:hAnsi="Lucida Console"/>
          <w:color w:val="0000FF"/>
        </w:rPr>
        <w:t>colSums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notsold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), </w:t>
      </w:r>
      <w:proofErr w:type="spellStart"/>
      <w:proofErr w:type="gramStart"/>
      <w:r>
        <w:rPr>
          <w:rStyle w:val="gd15mcfcktb"/>
          <w:rFonts w:ascii="Lucida Console" w:hAnsi="Lucida Console"/>
          <w:color w:val="0000FF"/>
        </w:rPr>
        <w:t>random.order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 xml:space="preserve">=FALSE, </w:t>
      </w:r>
      <w:proofErr w:type="spellStart"/>
      <w:r>
        <w:rPr>
          <w:rStyle w:val="gd15mcfcktb"/>
          <w:rFonts w:ascii="Lucida Console" w:hAnsi="Lucida Console"/>
          <w:color w:val="0000FF"/>
        </w:rPr>
        <w:t>min.freq</w:t>
      </w:r>
      <w:proofErr w:type="spellEnd"/>
      <w:r>
        <w:rPr>
          <w:rStyle w:val="gd15mcfcktb"/>
          <w:rFonts w:ascii="Lucida Console" w:hAnsi="Lucida Console"/>
          <w:color w:val="0000FF"/>
        </w:rPr>
        <w:t>=5)</w:t>
      </w:r>
    </w:p>
    <w:p w14:paraId="52AC1020" w14:textId="2E28C85A" w:rsidR="000A385F" w:rsidRDefault="000A385F" w:rsidP="00A551E7"/>
    <w:p w14:paraId="6D9AEFD9" w14:textId="6BF038C9" w:rsidR="000A385F" w:rsidRDefault="000A385F" w:rsidP="00A551E7"/>
    <w:p w14:paraId="79BF7904" w14:textId="4B3E70E9" w:rsidR="000A385F" w:rsidRDefault="000A385F" w:rsidP="00A551E7">
      <w:r>
        <w:rPr>
          <w:noProof/>
        </w:rPr>
        <w:lastRenderedPageBreak/>
        <w:drawing>
          <wp:inline distT="0" distB="0" distL="0" distR="0" wp14:anchorId="664A8997" wp14:editId="548D4936">
            <wp:extent cx="5086350" cy="4352925"/>
            <wp:effectExtent l="0" t="0" r="0" b="9525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086350" cy="43529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57E81BF" w14:textId="114E36C1" w:rsidR="000A385F" w:rsidRDefault="000A385F" w:rsidP="00A551E7">
      <w:r>
        <w:rPr>
          <w:noProof/>
        </w:rPr>
        <w:lastRenderedPageBreak/>
        <w:drawing>
          <wp:inline distT="0" distB="0" distL="0" distR="0" wp14:anchorId="10CC5366" wp14:editId="09A81C31">
            <wp:extent cx="5038725" cy="4429125"/>
            <wp:effectExtent l="0" t="0" r="9525" b="9525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038725" cy="44291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0975160" w14:textId="6438EFC7" w:rsidR="000A385F" w:rsidRDefault="000A385F" w:rsidP="00A551E7">
      <w:r>
        <w:rPr>
          <w:noProof/>
        </w:rPr>
        <w:lastRenderedPageBreak/>
        <w:drawing>
          <wp:inline distT="0" distB="0" distL="0" distR="0" wp14:anchorId="04310D27" wp14:editId="68D23B47">
            <wp:extent cx="5724525" cy="4381500"/>
            <wp:effectExtent l="0" t="0" r="952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5724525" cy="4381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2E675B9" w14:textId="77777777" w:rsidR="000A385F" w:rsidRDefault="000A385F" w:rsidP="000A385F">
      <w:r>
        <w:t xml:space="preserve">##### Creating Word Cloud for sold </w:t>
      </w:r>
      <w:proofErr w:type="spellStart"/>
      <w:r>
        <w:t>ipads</w:t>
      </w:r>
      <w:proofErr w:type="spellEnd"/>
      <w:r>
        <w:t xml:space="preserve"> ####</w:t>
      </w:r>
    </w:p>
    <w:p w14:paraId="1E3F188B" w14:textId="77777777" w:rsidR="000A385F" w:rsidRDefault="000A385F" w:rsidP="000A385F">
      <w:r>
        <w:t>#</w:t>
      </w:r>
      <w:proofErr w:type="spellStart"/>
      <w:r>
        <w:t>craete</w:t>
      </w:r>
      <w:proofErr w:type="spellEnd"/>
      <w:r>
        <w:t xml:space="preserve"> a new </w:t>
      </w:r>
      <w:proofErr w:type="spellStart"/>
      <w:r>
        <w:t>dataframe</w:t>
      </w:r>
      <w:proofErr w:type="spellEnd"/>
      <w:r>
        <w:t xml:space="preserve"> from the original data 'p' which only includes those observations where the </w:t>
      </w:r>
      <w:proofErr w:type="spellStart"/>
      <w:r>
        <w:t>ipad</w:t>
      </w:r>
      <w:proofErr w:type="spellEnd"/>
      <w:r>
        <w:t xml:space="preserve"> was sold</w:t>
      </w:r>
    </w:p>
    <w:p w14:paraId="759D5A45" w14:textId="77777777" w:rsidR="000A385F" w:rsidRDefault="000A385F" w:rsidP="000A385F">
      <w:proofErr w:type="spellStart"/>
      <w:r>
        <w:t>p_sold</w:t>
      </w:r>
      <w:proofErr w:type="spellEnd"/>
      <w:r>
        <w:t xml:space="preserve"> = </w:t>
      </w:r>
      <w:proofErr w:type="gramStart"/>
      <w:r>
        <w:t>subset(</w:t>
      </w:r>
      <w:proofErr w:type="spellStart"/>
      <w:proofErr w:type="gramEnd"/>
      <w:r>
        <w:t>p,sold</w:t>
      </w:r>
      <w:proofErr w:type="spellEnd"/>
      <w:r>
        <w:t xml:space="preserve"> == 1)</w:t>
      </w:r>
    </w:p>
    <w:p w14:paraId="309CF7BD" w14:textId="77777777" w:rsidR="000A385F" w:rsidRDefault="000A385F" w:rsidP="000A385F"/>
    <w:p w14:paraId="10D8CC14" w14:textId="77777777" w:rsidR="000A385F" w:rsidRDefault="000A385F" w:rsidP="000A385F">
      <w:r>
        <w:t xml:space="preserve">#Now, run the </w:t>
      </w:r>
      <w:proofErr w:type="spellStart"/>
      <w:r>
        <w:t>follwoing</w:t>
      </w:r>
      <w:proofErr w:type="spellEnd"/>
      <w:r>
        <w:t xml:space="preserve"> commands in your R Studio </w:t>
      </w:r>
    </w:p>
    <w:p w14:paraId="6819DA81" w14:textId="77777777" w:rsidR="000A385F" w:rsidRDefault="000A385F" w:rsidP="000A385F">
      <w:r>
        <w:t>#extracting relevant positive tweets</w:t>
      </w:r>
    </w:p>
    <w:p w14:paraId="42E06C64" w14:textId="77777777" w:rsidR="000A385F" w:rsidRDefault="000A385F" w:rsidP="000A385F">
      <w:r>
        <w:t xml:space="preserve">p1 = </w:t>
      </w:r>
      <w:proofErr w:type="spellStart"/>
      <w:proofErr w:type="gramStart"/>
      <w:r>
        <w:t>as.character</w:t>
      </w:r>
      <w:proofErr w:type="spellEnd"/>
      <w:proofErr w:type="gramEnd"/>
      <w:r>
        <w:t>(</w:t>
      </w:r>
      <w:proofErr w:type="spellStart"/>
      <w:r>
        <w:t>p_sold$description</w:t>
      </w:r>
      <w:proofErr w:type="spellEnd"/>
      <w:r>
        <w:t>)</w:t>
      </w:r>
    </w:p>
    <w:p w14:paraId="36AB16E3" w14:textId="77777777" w:rsidR="000A385F" w:rsidRDefault="000A385F" w:rsidP="000A385F">
      <w:r>
        <w:t>#Set the seed to 100 for code reproducibility</w:t>
      </w:r>
    </w:p>
    <w:p w14:paraId="5C99E525" w14:textId="77777777" w:rsidR="000A385F" w:rsidRDefault="000A385F" w:rsidP="000A385F">
      <w:proofErr w:type="spellStart"/>
      <w:proofErr w:type="gramStart"/>
      <w:r>
        <w:t>set.seed</w:t>
      </w:r>
      <w:proofErr w:type="spellEnd"/>
      <w:proofErr w:type="gramEnd"/>
      <w:r>
        <w:t>(100)</w:t>
      </w:r>
    </w:p>
    <w:p w14:paraId="16F89EC0" w14:textId="77777777" w:rsidR="000A385F" w:rsidRDefault="000A385F" w:rsidP="000A385F">
      <w:r>
        <w:t>#sample</w:t>
      </w:r>
    </w:p>
    <w:p w14:paraId="77538F17" w14:textId="1AC2710D" w:rsidR="000A385F" w:rsidRDefault="000A385F" w:rsidP="000A385F">
      <w:r>
        <w:t xml:space="preserve">sample3 = </w:t>
      </w:r>
      <w:proofErr w:type="gramStart"/>
      <w:r>
        <w:t>sample(</w:t>
      </w:r>
      <w:proofErr w:type="gramEnd"/>
      <w:r>
        <w:t>p1, (length(p1)))</w:t>
      </w:r>
    </w:p>
    <w:p w14:paraId="3077D1EC" w14:textId="7FBD082C" w:rsidR="000A385F" w:rsidRDefault="000A385F" w:rsidP="000A385F"/>
    <w:p w14:paraId="11EF7E18" w14:textId="2BC506CF" w:rsidR="000A385F" w:rsidRDefault="000A385F" w:rsidP="000A385F"/>
    <w:p w14:paraId="6FE4FDE0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3 = </w:t>
      </w:r>
      <w:proofErr w:type="gramStart"/>
      <w:r>
        <w:rPr>
          <w:rStyle w:val="gd15mcfcktb"/>
          <w:rFonts w:ascii="Lucida Console" w:hAnsi="Lucida Console"/>
          <w:color w:val="0000FF"/>
        </w:rPr>
        <w:t>Corpus(</w:t>
      </w:r>
      <w:proofErr w:type="spellStart"/>
      <w:proofErr w:type="gramEnd"/>
      <w:r>
        <w:rPr>
          <w:rStyle w:val="gd15mcfcktb"/>
          <w:rFonts w:ascii="Lucida Console" w:hAnsi="Lucida Console"/>
          <w:color w:val="0000FF"/>
        </w:rPr>
        <w:t>VectorSource</w:t>
      </w:r>
      <w:proofErr w:type="spellEnd"/>
      <w:r>
        <w:rPr>
          <w:rStyle w:val="gd15mcfcktb"/>
          <w:rFonts w:ascii="Lucida Console" w:hAnsi="Lucida Console"/>
          <w:color w:val="0000FF"/>
        </w:rPr>
        <w:t>(list(sample3)))</w:t>
      </w:r>
    </w:p>
    <w:p w14:paraId="3EEC7EC6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3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3, </w:t>
      </w:r>
      <w:proofErr w:type="spellStart"/>
      <w:r>
        <w:rPr>
          <w:rStyle w:val="gd15mcfcktb"/>
          <w:rFonts w:ascii="Lucida Console" w:hAnsi="Lucida Console"/>
          <w:color w:val="0000FF"/>
        </w:rPr>
        <w:t>removePunctuation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11C84A46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4BD618D3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3, </w:t>
      </w:r>
      <w:proofErr w:type="spellStart"/>
      <w:r>
        <w:rPr>
          <w:rStyle w:val="gd15mcfcotb"/>
          <w:rFonts w:ascii="Lucida Console" w:hAnsi="Lucida Console"/>
          <w:color w:val="C5060B"/>
        </w:rPr>
        <w:t>removePunctuation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6F8335BC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17B15A65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3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3, </w:t>
      </w:r>
      <w:proofErr w:type="spellStart"/>
      <w:r>
        <w:rPr>
          <w:rStyle w:val="gd15mcfcktb"/>
          <w:rFonts w:ascii="Lucida Console" w:hAnsi="Lucida Console"/>
          <w:color w:val="0000FF"/>
        </w:rPr>
        <w:t>content_transformer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tolower</w:t>
      </w:r>
      <w:proofErr w:type="spellEnd"/>
      <w:r>
        <w:rPr>
          <w:rStyle w:val="gd15mcfcktb"/>
          <w:rFonts w:ascii="Lucida Console" w:hAnsi="Lucida Console"/>
          <w:color w:val="0000FF"/>
        </w:rPr>
        <w:t>))</w:t>
      </w:r>
    </w:p>
    <w:p w14:paraId="09E59A27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48578C41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3, </w:t>
      </w:r>
      <w:proofErr w:type="spellStart"/>
      <w:r>
        <w:rPr>
          <w:rStyle w:val="gd15mcfcotb"/>
          <w:rFonts w:ascii="Lucida Console" w:hAnsi="Lucida Console"/>
          <w:color w:val="C5060B"/>
        </w:rPr>
        <w:t>content_transformer</w:t>
      </w:r>
      <w:proofErr w:type="spellEnd"/>
      <w:r>
        <w:rPr>
          <w:rStyle w:val="gd15mcfcotb"/>
          <w:rFonts w:ascii="Lucida Console" w:hAnsi="Lucida Console"/>
          <w:color w:val="C5060B"/>
        </w:rPr>
        <w:t>(</w:t>
      </w:r>
      <w:proofErr w:type="spellStart"/>
      <w:r>
        <w:rPr>
          <w:rStyle w:val="gd15mcfcotb"/>
          <w:rFonts w:ascii="Lucida Console" w:hAnsi="Lucida Console"/>
          <w:color w:val="C5060B"/>
        </w:rPr>
        <w:t>tolower</w:t>
      </w:r>
      <w:proofErr w:type="spellEnd"/>
      <w:r>
        <w:rPr>
          <w:rStyle w:val="gd15mcfcotb"/>
          <w:rFonts w:ascii="Lucida Console" w:hAnsi="Lucida Console"/>
          <w:color w:val="C5060B"/>
        </w:rPr>
        <w:t>)) :</w:t>
      </w:r>
    </w:p>
    <w:p w14:paraId="61AC7B65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3106AD1B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3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3, </w:t>
      </w:r>
      <w:proofErr w:type="spellStart"/>
      <w:r>
        <w:rPr>
          <w:rStyle w:val="gd15mcfcktb"/>
          <w:rFonts w:ascii="Lucida Console" w:hAnsi="Lucida Console"/>
          <w:color w:val="0000FF"/>
        </w:rPr>
        <w:t>removeNumbers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682BAF5C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6EF3525B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3, </w:t>
      </w:r>
      <w:proofErr w:type="spellStart"/>
      <w:r>
        <w:rPr>
          <w:rStyle w:val="gd15mcfcotb"/>
          <w:rFonts w:ascii="Lucida Console" w:hAnsi="Lucida Console"/>
          <w:color w:val="C5060B"/>
        </w:rPr>
        <w:t>removeNumbers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07AB6985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55FBBB8D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3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3, </w:t>
      </w:r>
      <w:proofErr w:type="spellStart"/>
      <w:r>
        <w:rPr>
          <w:rStyle w:val="gd15mcfcktb"/>
          <w:rFonts w:ascii="Lucida Console" w:hAnsi="Lucida Console"/>
          <w:color w:val="0000FF"/>
        </w:rPr>
        <w:t>stripWhitespace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3556FED1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657A75A9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3, </w:t>
      </w:r>
      <w:proofErr w:type="spellStart"/>
      <w:r>
        <w:rPr>
          <w:rStyle w:val="gd15mcfcotb"/>
          <w:rFonts w:ascii="Lucida Console" w:hAnsi="Lucida Console"/>
          <w:color w:val="C5060B"/>
        </w:rPr>
        <w:t>stripWhitespace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2600B727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047F1615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3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3, </w:t>
      </w:r>
      <w:proofErr w:type="spellStart"/>
      <w:r>
        <w:rPr>
          <w:rStyle w:val="gd15mcfcktb"/>
          <w:rFonts w:ascii="Lucida Console" w:hAnsi="Lucida Console"/>
          <w:color w:val="0000FF"/>
        </w:rPr>
        <w:t>removeWord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, </w:t>
      </w:r>
      <w:proofErr w:type="spellStart"/>
      <w:r>
        <w:rPr>
          <w:rStyle w:val="gd15mcfcktb"/>
          <w:rFonts w:ascii="Lucida Console" w:hAnsi="Lucida Console"/>
          <w:color w:val="0000FF"/>
        </w:rPr>
        <w:t>stopwords</w:t>
      </w:r>
      <w:proofErr w:type="spellEnd"/>
      <w:r>
        <w:rPr>
          <w:rStyle w:val="gd15mcfcktb"/>
          <w:rFonts w:ascii="Lucida Console" w:hAnsi="Lucida Console"/>
          <w:color w:val="0000FF"/>
        </w:rPr>
        <w:t>('</w:t>
      </w:r>
      <w:proofErr w:type="spellStart"/>
      <w:r>
        <w:rPr>
          <w:rStyle w:val="gd15mcfcktb"/>
          <w:rFonts w:ascii="Lucida Console" w:hAnsi="Lucida Console"/>
          <w:color w:val="0000FF"/>
        </w:rPr>
        <w:t>english</w:t>
      </w:r>
      <w:proofErr w:type="spellEnd"/>
      <w:r>
        <w:rPr>
          <w:rStyle w:val="gd15mcfcktb"/>
          <w:rFonts w:ascii="Lucida Console" w:hAnsi="Lucida Console"/>
          <w:color w:val="0000FF"/>
        </w:rPr>
        <w:t>'))</w:t>
      </w:r>
    </w:p>
    <w:p w14:paraId="1A7EDEFA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103CCAE8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3, </w:t>
      </w:r>
      <w:proofErr w:type="spellStart"/>
      <w:r>
        <w:rPr>
          <w:rStyle w:val="gd15mcfcotb"/>
          <w:rFonts w:ascii="Lucida Console" w:hAnsi="Lucida Console"/>
          <w:color w:val="C5060B"/>
        </w:rPr>
        <w:t>removeWords</w:t>
      </w:r>
      <w:proofErr w:type="spellEnd"/>
      <w:r>
        <w:rPr>
          <w:rStyle w:val="gd15mcfcotb"/>
          <w:rFonts w:ascii="Lucida Console" w:hAnsi="Lucida Console"/>
          <w:color w:val="C5060B"/>
        </w:rPr>
        <w:t xml:space="preserve">, </w:t>
      </w:r>
      <w:proofErr w:type="spellStart"/>
      <w:r>
        <w:rPr>
          <w:rStyle w:val="gd15mcfcotb"/>
          <w:rFonts w:ascii="Lucida Console" w:hAnsi="Lucida Console"/>
          <w:color w:val="C5060B"/>
        </w:rPr>
        <w:t>stopwords</w:t>
      </w:r>
      <w:proofErr w:type="spellEnd"/>
      <w:r>
        <w:rPr>
          <w:rStyle w:val="gd15mcfcotb"/>
          <w:rFonts w:ascii="Lucida Console" w:hAnsi="Lucida Console"/>
          <w:color w:val="C5060B"/>
        </w:rPr>
        <w:t>("</w:t>
      </w:r>
      <w:proofErr w:type="spellStart"/>
      <w:r>
        <w:rPr>
          <w:rStyle w:val="gd15mcfcotb"/>
          <w:rFonts w:ascii="Lucida Console" w:hAnsi="Lucida Console"/>
          <w:color w:val="C5060B"/>
        </w:rPr>
        <w:t>english</w:t>
      </w:r>
      <w:proofErr w:type="spellEnd"/>
      <w:r>
        <w:rPr>
          <w:rStyle w:val="gd15mcfcotb"/>
          <w:rFonts w:ascii="Lucida Console" w:hAnsi="Lucida Console"/>
          <w:color w:val="C5060B"/>
        </w:rPr>
        <w:t>")) :</w:t>
      </w:r>
    </w:p>
    <w:p w14:paraId="0740CE99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5C426C6B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corpus3 = </w:t>
      </w:r>
      <w:proofErr w:type="spellStart"/>
      <w:r>
        <w:rPr>
          <w:rStyle w:val="gd15mcfcktb"/>
          <w:rFonts w:ascii="Lucida Console" w:hAnsi="Lucida Console"/>
          <w:color w:val="0000FF"/>
        </w:rPr>
        <w:t>tm_</w:t>
      </w:r>
      <w:proofErr w:type="gramStart"/>
      <w:r>
        <w:rPr>
          <w:rStyle w:val="gd15mcfcktb"/>
          <w:rFonts w:ascii="Lucida Console" w:hAnsi="Lucida Console"/>
          <w:color w:val="0000FF"/>
        </w:rPr>
        <w:t>map</w:t>
      </w:r>
      <w:proofErr w:type="spellEnd"/>
      <w:r>
        <w:rPr>
          <w:rStyle w:val="gd15mcfcktb"/>
          <w:rFonts w:ascii="Lucida Console" w:hAnsi="Lucida Console"/>
          <w:color w:val="0000FF"/>
        </w:rPr>
        <w:t>(</w:t>
      </w:r>
      <w:proofErr w:type="gramEnd"/>
      <w:r>
        <w:rPr>
          <w:rStyle w:val="gd15mcfcktb"/>
          <w:rFonts w:ascii="Lucida Console" w:hAnsi="Lucida Console"/>
          <w:color w:val="0000FF"/>
        </w:rPr>
        <w:t xml:space="preserve">corpus3, </w:t>
      </w:r>
      <w:proofErr w:type="spellStart"/>
      <w:r>
        <w:rPr>
          <w:rStyle w:val="gd15mcfcktb"/>
          <w:rFonts w:ascii="Lucida Console" w:hAnsi="Lucida Console"/>
          <w:color w:val="0000FF"/>
        </w:rPr>
        <w:t>stemDocument</w:t>
      </w:r>
      <w:proofErr w:type="spellEnd"/>
      <w:r>
        <w:rPr>
          <w:rStyle w:val="gd15mcfcktb"/>
          <w:rFonts w:ascii="Lucida Console" w:hAnsi="Lucida Console"/>
          <w:color w:val="0000FF"/>
        </w:rPr>
        <w:t>)</w:t>
      </w:r>
    </w:p>
    <w:p w14:paraId="7B461E7B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>Warning message:</w:t>
      </w:r>
    </w:p>
    <w:p w14:paraId="4C0C5E2D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In </w:t>
      </w:r>
      <w:proofErr w:type="spellStart"/>
      <w:r>
        <w:rPr>
          <w:rStyle w:val="gd15mcfcotb"/>
          <w:rFonts w:ascii="Lucida Console" w:hAnsi="Lucida Console"/>
          <w:color w:val="C5060B"/>
        </w:rPr>
        <w:t>tm_</w:t>
      </w:r>
      <w:proofErr w:type="gramStart"/>
      <w:r>
        <w:rPr>
          <w:rStyle w:val="gd15mcfcotb"/>
          <w:rFonts w:ascii="Lucida Console" w:hAnsi="Lucida Console"/>
          <w:color w:val="C5060B"/>
        </w:rPr>
        <w:t>map.SimpleCorpus</w:t>
      </w:r>
      <w:proofErr w:type="spellEnd"/>
      <w:proofErr w:type="gramEnd"/>
      <w:r>
        <w:rPr>
          <w:rStyle w:val="gd15mcfcotb"/>
          <w:rFonts w:ascii="Lucida Console" w:hAnsi="Lucida Console"/>
          <w:color w:val="C5060B"/>
        </w:rPr>
        <w:t xml:space="preserve">(corpus3, </w:t>
      </w:r>
      <w:proofErr w:type="spellStart"/>
      <w:r>
        <w:rPr>
          <w:rStyle w:val="gd15mcfcotb"/>
          <w:rFonts w:ascii="Lucida Console" w:hAnsi="Lucida Console"/>
          <w:color w:val="C5060B"/>
        </w:rPr>
        <w:t>stemDocument</w:t>
      </w:r>
      <w:proofErr w:type="spellEnd"/>
      <w:r>
        <w:rPr>
          <w:rStyle w:val="gd15mcfcotb"/>
          <w:rFonts w:ascii="Lucida Console" w:hAnsi="Lucida Console"/>
          <w:color w:val="C5060B"/>
        </w:rPr>
        <w:t>) :</w:t>
      </w:r>
    </w:p>
    <w:p w14:paraId="1185CA2E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otb"/>
          <w:rFonts w:ascii="Lucida Console" w:hAnsi="Lucida Console"/>
          <w:color w:val="C5060B"/>
        </w:rPr>
      </w:pPr>
      <w:r>
        <w:rPr>
          <w:rStyle w:val="gd15mcfcotb"/>
          <w:rFonts w:ascii="Lucida Console" w:hAnsi="Lucida Console"/>
          <w:color w:val="C5060B"/>
        </w:rPr>
        <w:t xml:space="preserve">  transformation drops documents</w:t>
      </w:r>
    </w:p>
    <w:p w14:paraId="54A9F46B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</w:t>
      </w:r>
      <w:proofErr w:type="spellStart"/>
      <w:r>
        <w:rPr>
          <w:rStyle w:val="gd15mcfcktb"/>
          <w:rFonts w:ascii="Lucida Console" w:hAnsi="Lucida Console"/>
          <w:color w:val="0000FF"/>
        </w:rPr>
        <w:t>creat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a document term matrix from the resultant corpus</w:t>
      </w:r>
    </w:p>
    <w:p w14:paraId="17127F12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 xml:space="preserve">frequencies3 = </w:t>
      </w:r>
      <w:proofErr w:type="spellStart"/>
      <w:r>
        <w:rPr>
          <w:rStyle w:val="gd15mcfcktb"/>
          <w:rFonts w:ascii="Lucida Console" w:hAnsi="Lucida Console"/>
          <w:color w:val="0000FF"/>
        </w:rPr>
        <w:t>DocumentTermMatrix</w:t>
      </w:r>
      <w:proofErr w:type="spellEnd"/>
      <w:r>
        <w:rPr>
          <w:rStyle w:val="gd15mcfcktb"/>
          <w:rFonts w:ascii="Lucida Console" w:hAnsi="Lucida Console"/>
          <w:color w:val="0000FF"/>
        </w:rPr>
        <w:t>(corpus3)</w:t>
      </w:r>
    </w:p>
    <w:p w14:paraId="3BA192FB" w14:textId="77777777" w:rsidR="000A385F" w:rsidRDefault="000A385F" w:rsidP="000A385F">
      <w:pPr>
        <w:pStyle w:val="HTMLPreformatted"/>
        <w:shd w:val="clear" w:color="auto" w:fill="FFFFFF"/>
        <w:wordWrap w:val="0"/>
        <w:rPr>
          <w:rStyle w:val="gd15mcfcktb"/>
          <w:rFonts w:ascii="Lucida Console" w:hAnsi="Lucida Console"/>
          <w:color w:val="0000FF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r>
        <w:rPr>
          <w:rStyle w:val="gd15mcfcktb"/>
          <w:rFonts w:ascii="Lucida Console" w:hAnsi="Lucida Console"/>
          <w:color w:val="0000FF"/>
        </w:rPr>
        <w:t># now create the data frame from the output of the above line</w:t>
      </w:r>
    </w:p>
    <w:p w14:paraId="40907EED" w14:textId="77777777" w:rsidR="000A385F" w:rsidRDefault="000A385F" w:rsidP="000A385F">
      <w:pPr>
        <w:pStyle w:val="HTMLPreformatted"/>
        <w:shd w:val="clear" w:color="auto" w:fill="FFFFFF"/>
        <w:wordWrap w:val="0"/>
        <w:rPr>
          <w:rFonts w:ascii="Lucida Console" w:hAnsi="Lucida Console"/>
          <w:color w:val="000000"/>
        </w:rPr>
      </w:pPr>
      <w:r>
        <w:rPr>
          <w:rStyle w:val="gd15mcfckub"/>
          <w:rFonts w:ascii="Lucida Console" w:hAnsi="Lucida Console"/>
          <w:color w:val="0000FF"/>
        </w:rPr>
        <w:t xml:space="preserve">&gt; </w:t>
      </w:r>
      <w:proofErr w:type="spellStart"/>
      <w:r>
        <w:rPr>
          <w:rStyle w:val="gd15mcfcktb"/>
          <w:rFonts w:ascii="Lucida Console" w:hAnsi="Lucida Console"/>
          <w:color w:val="0000FF"/>
        </w:rPr>
        <w:t>soldipads</w:t>
      </w:r>
      <w:proofErr w:type="spellEnd"/>
      <w:r>
        <w:rPr>
          <w:rStyle w:val="gd15mcfcktb"/>
          <w:rFonts w:ascii="Lucida Console" w:hAnsi="Lucida Console"/>
          <w:color w:val="0000FF"/>
        </w:rPr>
        <w:t xml:space="preserve"> = </w:t>
      </w:r>
      <w:proofErr w:type="spellStart"/>
      <w:r>
        <w:rPr>
          <w:rStyle w:val="gd15mcfcktb"/>
          <w:rFonts w:ascii="Lucida Console" w:hAnsi="Lucida Console"/>
          <w:color w:val="0000FF"/>
        </w:rPr>
        <w:t>as.</w:t>
      </w:r>
      <w:proofErr w:type="gramStart"/>
      <w:r>
        <w:rPr>
          <w:rStyle w:val="gd15mcfcktb"/>
          <w:rFonts w:ascii="Lucida Console" w:hAnsi="Lucida Console"/>
          <w:color w:val="0000FF"/>
        </w:rPr>
        <w:t>data.frame</w:t>
      </w:r>
      <w:proofErr w:type="spellEnd"/>
      <w:proofErr w:type="gramEnd"/>
      <w:r>
        <w:rPr>
          <w:rStyle w:val="gd15mcfcktb"/>
          <w:rFonts w:ascii="Lucida Console" w:hAnsi="Lucida Console"/>
          <w:color w:val="0000FF"/>
        </w:rPr>
        <w:t>(</w:t>
      </w:r>
      <w:proofErr w:type="spellStart"/>
      <w:r>
        <w:rPr>
          <w:rStyle w:val="gd15mcfcktb"/>
          <w:rFonts w:ascii="Lucida Console" w:hAnsi="Lucida Console"/>
          <w:color w:val="0000FF"/>
        </w:rPr>
        <w:t>as.matrix</w:t>
      </w:r>
      <w:proofErr w:type="spellEnd"/>
      <w:r>
        <w:rPr>
          <w:rStyle w:val="gd15mcfcktb"/>
          <w:rFonts w:ascii="Lucida Console" w:hAnsi="Lucida Console"/>
          <w:color w:val="0000FF"/>
        </w:rPr>
        <w:t>(frequencies3))</w:t>
      </w:r>
    </w:p>
    <w:p w14:paraId="40A2ED7E" w14:textId="0262187A" w:rsidR="000A385F" w:rsidRDefault="000A385F" w:rsidP="000A385F"/>
    <w:p w14:paraId="0851B3A6" w14:textId="4165AB0B" w:rsidR="000A385F" w:rsidRDefault="000A385F" w:rsidP="000A385F"/>
    <w:p w14:paraId="745F9741" w14:textId="77777777" w:rsidR="000A385F" w:rsidRDefault="000A385F" w:rsidP="000A385F"/>
    <w:p w14:paraId="3344BF02" w14:textId="77777777" w:rsidR="00A551E7" w:rsidRDefault="00A551E7" w:rsidP="00A551E7"/>
    <w:sectPr w:rsidR="00A551E7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39B786E6" w14:textId="77777777" w:rsidR="000A385F" w:rsidRDefault="000A385F" w:rsidP="000A385F">
      <w:pPr>
        <w:spacing w:after="0" w:line="240" w:lineRule="auto"/>
      </w:pPr>
      <w:r>
        <w:separator/>
      </w:r>
    </w:p>
  </w:endnote>
  <w:endnote w:type="continuationSeparator" w:id="0">
    <w:p w14:paraId="685E81C0" w14:textId="77777777" w:rsidR="000A385F" w:rsidRDefault="000A385F" w:rsidP="000A385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Lucida Console">
    <w:panose1 w:val="020B0609040504020204"/>
    <w:charset w:val="00"/>
    <w:family w:val="modern"/>
    <w:pitch w:val="fixed"/>
    <w:sig w:usb0="8000028F" w:usb1="00001800" w:usb2="00000000" w:usb3="00000000" w:csb0="0000001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974CCF0" w14:textId="77777777" w:rsidR="000A385F" w:rsidRDefault="000A385F" w:rsidP="000A385F">
      <w:pPr>
        <w:spacing w:after="0" w:line="240" w:lineRule="auto"/>
      </w:pPr>
      <w:r>
        <w:separator/>
      </w:r>
    </w:p>
  </w:footnote>
  <w:footnote w:type="continuationSeparator" w:id="0">
    <w:p w14:paraId="0F277D42" w14:textId="77777777" w:rsidR="000A385F" w:rsidRDefault="000A385F" w:rsidP="000A385F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60C28"/>
    <w:rsid w:val="000A385F"/>
    <w:rsid w:val="000F77C4"/>
    <w:rsid w:val="00160C28"/>
    <w:rsid w:val="00A551E7"/>
    <w:rsid w:val="00FE25C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3488B27"/>
  <w15:chartTrackingRefBased/>
  <w15:docId w15:val="{91AEA337-98D0-4C86-A9F7-F17566B62E7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160C28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160C28"/>
    <w:rPr>
      <w:rFonts w:ascii="Courier New" w:eastAsia="Times New Roman" w:hAnsi="Courier New" w:cs="Courier New"/>
      <w:sz w:val="20"/>
      <w:szCs w:val="20"/>
    </w:rPr>
  </w:style>
  <w:style w:type="character" w:customStyle="1" w:styleId="gd15mcfckub">
    <w:name w:val="gd15mcfckub"/>
    <w:basedOn w:val="DefaultParagraphFont"/>
    <w:rsid w:val="00160C28"/>
  </w:style>
  <w:style w:type="character" w:customStyle="1" w:styleId="gd15mcfcktb">
    <w:name w:val="gd15mcfcktb"/>
    <w:basedOn w:val="DefaultParagraphFont"/>
    <w:rsid w:val="00160C28"/>
  </w:style>
  <w:style w:type="character" w:customStyle="1" w:styleId="gd15mcfceub">
    <w:name w:val="gd15mcfceub"/>
    <w:basedOn w:val="DefaultParagraphFont"/>
    <w:rsid w:val="00160C28"/>
  </w:style>
  <w:style w:type="character" w:customStyle="1" w:styleId="gd15mcfcotb">
    <w:name w:val="gd15mcfcotb"/>
    <w:basedOn w:val="DefaultParagraphFont"/>
    <w:rsid w:val="00A551E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3677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4369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09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70825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83531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953860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147280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06991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86589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02828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92013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1317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4715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98418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17523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6117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9558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534496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449036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02879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11110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721476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437337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67267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89032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8.png"/><Relationship Id="rId18" Type="http://schemas.openxmlformats.org/officeDocument/2006/relationships/image" Target="media/image13.png"/><Relationship Id="rId3" Type="http://schemas.openxmlformats.org/officeDocument/2006/relationships/webSettings" Target="webSettings.xml"/><Relationship Id="rId21" Type="http://schemas.openxmlformats.org/officeDocument/2006/relationships/image" Target="media/image16.png"/><Relationship Id="rId7" Type="http://schemas.openxmlformats.org/officeDocument/2006/relationships/image" Target="media/image2.png"/><Relationship Id="rId12" Type="http://schemas.openxmlformats.org/officeDocument/2006/relationships/image" Target="media/image7.png"/><Relationship Id="rId17" Type="http://schemas.openxmlformats.org/officeDocument/2006/relationships/image" Target="media/image12.png"/><Relationship Id="rId25" Type="http://schemas.openxmlformats.org/officeDocument/2006/relationships/theme" Target="theme/theme1.xml"/><Relationship Id="rId2" Type="http://schemas.openxmlformats.org/officeDocument/2006/relationships/settings" Target="settings.xml"/><Relationship Id="rId16" Type="http://schemas.openxmlformats.org/officeDocument/2006/relationships/image" Target="media/image11.png"/><Relationship Id="rId20" Type="http://schemas.openxmlformats.org/officeDocument/2006/relationships/image" Target="media/image15.png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image" Target="media/image6.png"/><Relationship Id="rId24" Type="http://schemas.openxmlformats.org/officeDocument/2006/relationships/fontTable" Target="fontTable.xml"/><Relationship Id="rId5" Type="http://schemas.openxmlformats.org/officeDocument/2006/relationships/endnotes" Target="endnotes.xml"/><Relationship Id="rId15" Type="http://schemas.openxmlformats.org/officeDocument/2006/relationships/image" Target="media/image10.png"/><Relationship Id="rId23" Type="http://schemas.openxmlformats.org/officeDocument/2006/relationships/image" Target="media/image18.png"/><Relationship Id="rId10" Type="http://schemas.openxmlformats.org/officeDocument/2006/relationships/image" Target="media/image5.png"/><Relationship Id="rId19" Type="http://schemas.openxmlformats.org/officeDocument/2006/relationships/image" Target="media/image14.png"/><Relationship Id="rId4" Type="http://schemas.openxmlformats.org/officeDocument/2006/relationships/footnotes" Target="footnotes.xml"/><Relationship Id="rId9" Type="http://schemas.openxmlformats.org/officeDocument/2006/relationships/image" Target="media/image4.png"/><Relationship Id="rId14" Type="http://schemas.openxmlformats.org/officeDocument/2006/relationships/image" Target="media/image9.png"/><Relationship Id="rId22" Type="http://schemas.openxmlformats.org/officeDocument/2006/relationships/image" Target="media/image1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0</TotalTime>
  <Pages>63</Pages>
  <Words>19546</Words>
  <Characters>111418</Characters>
  <Application>Microsoft Office Word</Application>
  <DocSecurity>0</DocSecurity>
  <Lines>928</Lines>
  <Paragraphs>26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AP</Company>
  <LinksUpToDate>false</LinksUpToDate>
  <CharactersWithSpaces>13070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aidhyanathan, Janaki Raam</dc:creator>
  <cp:keywords/>
  <dc:description/>
  <cp:lastModifiedBy>Vaidhyanathan, Janaki Raam</cp:lastModifiedBy>
  <cp:revision>1</cp:revision>
  <dcterms:created xsi:type="dcterms:W3CDTF">2020-03-02T14:24:00Z</dcterms:created>
  <dcterms:modified xsi:type="dcterms:W3CDTF">2020-03-02T15:34:00Z</dcterms:modified>
</cp:coreProperties>
</file>